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522\03_事業者脱炭素Ｇ\03_その他事業者支援\05_エネルギー地産地消推進事業者認証制度\02_エネルギー地産地消推進事業者認証制度実施要領\"/>
    </mc:Choice>
  </mc:AlternateContent>
  <bookViews>
    <workbookView xWindow="840" yWindow="285" windowWidth="19155" windowHeight="7305"/>
  </bookViews>
  <sheets>
    <sheet name="認証辞退届出書（第6号様式）" sheetId="1" r:id="rId1"/>
  </sheets>
  <definedNames>
    <definedName name="_xlnm.Print_Area" localSheetId="0">'認証辞退届出書（第6号様式）'!$A$1:$Q$45</definedName>
  </definedNames>
  <calcPr calcId="162913"/>
</workbook>
</file>

<file path=xl/calcChain.xml><?xml version="1.0" encoding="utf-8"?>
<calcChain xmlns="http://schemas.openxmlformats.org/spreadsheetml/2006/main">
  <c r="AN27" i="1" l="1"/>
  <c r="X27" i="1"/>
  <c r="AN26" i="1"/>
  <c r="X26" i="1"/>
  <c r="AN25" i="1"/>
  <c r="X25" i="1"/>
  <c r="AN24" i="1"/>
  <c r="X24" i="1"/>
  <c r="Y25" i="1" l="1"/>
  <c r="Y27" i="1"/>
  <c r="Y26" i="1"/>
  <c r="Y24" i="1"/>
</calcChain>
</file>

<file path=xl/comments1.xml><?xml version="1.0" encoding="utf-8"?>
<comments xmlns="http://schemas.openxmlformats.org/spreadsheetml/2006/main">
  <authors>
    <author>user</author>
  </authors>
  <commentList>
    <comment ref="J36" authorId="0" shapeId="0">
      <text>
        <r>
          <rPr>
            <sz val="9"/>
            <color indexed="81"/>
            <rFont val="ＭＳ Ｐゴシック"/>
            <family val="3"/>
            <charset val="128"/>
          </rPr>
          <t>所属
担当者名
電話番号　を記載</t>
        </r>
      </text>
    </comment>
  </commentList>
</comments>
</file>

<file path=xl/sharedStrings.xml><?xml version="1.0" encoding="utf-8"?>
<sst xmlns="http://schemas.openxmlformats.org/spreadsheetml/2006/main" count="31" uniqueCount="23">
  <si>
    <t>　神奈川県知事　殿</t>
    <rPh sb="1" eb="4">
      <t>カナガワ</t>
    </rPh>
    <rPh sb="4" eb="7">
      <t>ケンチジ</t>
    </rPh>
    <rPh sb="8" eb="9">
      <t>ドノ</t>
    </rPh>
    <phoneticPr fontId="3"/>
  </si>
  <si>
    <t>（代表者職名・氏名）</t>
    <rPh sb="1" eb="4">
      <t>ダイヒョウシャ</t>
    </rPh>
    <rPh sb="4" eb="6">
      <t>ショクメイ</t>
    </rPh>
    <rPh sb="7" eb="8">
      <t>シ</t>
    </rPh>
    <rPh sb="8" eb="9">
      <t>メイ</t>
    </rPh>
    <phoneticPr fontId="3"/>
  </si>
  <si>
    <t>Ａ</t>
    <phoneticPr fontId="3"/>
  </si>
  <si>
    <t>○</t>
    <phoneticPr fontId="3"/>
  </si>
  <si>
    <t>Ｂ</t>
    <phoneticPr fontId="3"/>
  </si>
  <si>
    <t>出荷実績</t>
    <rPh sb="0" eb="2">
      <t>シュッカ</t>
    </rPh>
    <rPh sb="2" eb="4">
      <t>ジッセキ</t>
    </rPh>
    <phoneticPr fontId="3"/>
  </si>
  <si>
    <t>Ｃ</t>
    <phoneticPr fontId="3"/>
  </si>
  <si>
    <t>設置実績</t>
    <rPh sb="0" eb="2">
      <t>セッチ</t>
    </rPh>
    <rPh sb="2" eb="4">
      <t>ジッセキ</t>
    </rPh>
    <phoneticPr fontId="3"/>
  </si>
  <si>
    <t>Ｄ</t>
    <phoneticPr fontId="3"/>
  </si>
  <si>
    <t>問合せ先</t>
    <rPh sb="0" eb="1">
      <t>ト</t>
    </rPh>
    <rPh sb="1" eb="2">
      <t>ア</t>
    </rPh>
    <rPh sb="3" eb="4">
      <t>サキ</t>
    </rPh>
    <phoneticPr fontId="1"/>
  </si>
  <si>
    <t>（本店所在地）</t>
    <rPh sb="1" eb="3">
      <t>ホンテン</t>
    </rPh>
    <rPh sb="3" eb="6">
      <t>ショザイチ</t>
    </rPh>
    <phoneticPr fontId="3"/>
  </si>
  <si>
    <t>認証番号</t>
    <rPh sb="0" eb="2">
      <t>ニンショウ</t>
    </rPh>
    <rPh sb="2" eb="4">
      <t>バンゴウ</t>
    </rPh>
    <phoneticPr fontId="3"/>
  </si>
  <si>
    <t>辞退理由</t>
    <rPh sb="0" eb="2">
      <t>ジタイ</t>
    </rPh>
    <rPh sb="2" eb="4">
      <t>リユウ</t>
    </rPh>
    <phoneticPr fontId="3"/>
  </si>
  <si>
    <t>神奈川県エネルギー地産地消推進事業者認証辞退届出書</t>
    <rPh sb="0" eb="4">
      <t>カナガワケン</t>
    </rPh>
    <phoneticPr fontId="3"/>
  </si>
  <si>
    <t>　神奈川県エネルギー地産地消推進事業者としての認証について、辞退を届け出ます。</t>
    <rPh sb="23" eb="25">
      <t>ニンショウ</t>
    </rPh>
    <rPh sb="30" eb="32">
      <t>ジタイ</t>
    </rPh>
    <rPh sb="33" eb="34">
      <t>トド</t>
    </rPh>
    <rPh sb="35" eb="36">
      <t>デ</t>
    </rPh>
    <phoneticPr fontId="1"/>
  </si>
  <si>
    <t>（事業者名称）</t>
    <rPh sb="4" eb="6">
      <t>メイショウ</t>
    </rPh>
    <phoneticPr fontId="3"/>
  </si>
  <si>
    <t>年　月　日</t>
    <rPh sb="0" eb="1">
      <t>ネン</t>
    </rPh>
    <rPh sb="2" eb="3">
      <t>ツキ</t>
    </rPh>
    <rPh sb="4" eb="5">
      <t>ヒ</t>
    </rPh>
    <phoneticPr fontId="1"/>
  </si>
  <si>
    <t>←　代表事業者の正式名称を記入してください（全角）</t>
    <rPh sb="2" eb="4">
      <t>ダイヒョウ</t>
    </rPh>
    <rPh sb="4" eb="7">
      <t>ジギョウシャ</t>
    </rPh>
    <rPh sb="8" eb="10">
      <t>セイシキ</t>
    </rPh>
    <rPh sb="10" eb="12">
      <t>メイショウ</t>
    </rPh>
    <rPh sb="13" eb="15">
      <t>キニュウ</t>
    </rPh>
    <rPh sb="22" eb="24">
      <t>ゼンカク</t>
    </rPh>
    <phoneticPr fontId="3"/>
  </si>
  <si>
    <t>←　代表事業者の本社所在地を記入してください（全角英数字）</t>
    <rPh sb="2" eb="4">
      <t>ダイヒョウ</t>
    </rPh>
    <rPh sb="4" eb="7">
      <t>ジギョウシャ</t>
    </rPh>
    <rPh sb="8" eb="10">
      <t>ホンシャ</t>
    </rPh>
    <rPh sb="10" eb="13">
      <t>ショザイチ</t>
    </rPh>
    <rPh sb="14" eb="16">
      <t>キニュウ</t>
    </rPh>
    <rPh sb="23" eb="25">
      <t>ゼンカク</t>
    </rPh>
    <rPh sb="25" eb="28">
      <t>エイスウジ</t>
    </rPh>
    <phoneticPr fontId="3"/>
  </si>
  <si>
    <t>←　代表者の職名と氏名を記入してください（全角）</t>
    <phoneticPr fontId="3"/>
  </si>
  <si>
    <t>←　辞退理由を入力してください</t>
    <rPh sb="2" eb="4">
      <t>ジタイ</t>
    </rPh>
    <rPh sb="4" eb="6">
      <t>リユウ</t>
    </rPh>
    <rPh sb="7" eb="9">
      <t>ニュウリョク</t>
    </rPh>
    <phoneticPr fontId="1"/>
  </si>
  <si>
    <t>←　和暦で入力してください。　例）令和○年〇月〇日</t>
    <rPh sb="2" eb="4">
      <t>ワレキ</t>
    </rPh>
    <rPh sb="5" eb="7">
      <t>ニュウリョク</t>
    </rPh>
    <rPh sb="15" eb="16">
      <t>レイ</t>
    </rPh>
    <rPh sb="17" eb="18">
      <t>レイ</t>
    </rPh>
    <rPh sb="18" eb="19">
      <t>ワ</t>
    </rPh>
    <rPh sb="20" eb="21">
      <t>ネン</t>
    </rPh>
    <rPh sb="22" eb="23">
      <t>ツキ</t>
    </rPh>
    <rPh sb="24" eb="25">
      <t>ニチ</t>
    </rPh>
    <phoneticPr fontId="1"/>
  </si>
  <si>
    <t>（第４号様式）</t>
    <rPh sb="1" eb="2">
      <t>ダイ</t>
    </rPh>
    <rPh sb="3" eb="4">
      <t>ゴウ</t>
    </rPh>
    <rPh sb="4" eb="6">
      <t>ヨウシ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10" x14ac:knownFonts="1">
    <font>
      <sz val="12"/>
      <color theme="1"/>
      <name val="ＭＳ 明朝"/>
      <family val="2"/>
      <charset val="128"/>
    </font>
    <font>
      <sz val="6"/>
      <name val="ＭＳ 明朝"/>
      <family val="2"/>
      <charset val="128"/>
    </font>
    <font>
      <sz val="14"/>
      <name val="ＭＳ 明朝"/>
      <family val="1"/>
      <charset val="128"/>
    </font>
    <font>
      <sz val="6"/>
      <name val="ＭＳ 明朝"/>
      <family val="1"/>
      <charset val="128"/>
    </font>
    <font>
      <sz val="9"/>
      <color indexed="81"/>
      <name val="ＭＳ Ｐゴシック"/>
      <family val="3"/>
      <charset val="128"/>
    </font>
    <font>
      <sz val="11"/>
      <color theme="1"/>
      <name val="ＭＳ 明朝"/>
      <family val="2"/>
      <charset val="128"/>
    </font>
    <font>
      <sz val="11"/>
      <color theme="1"/>
      <name val="ＭＳ 明朝"/>
      <family val="1"/>
      <charset val="128"/>
    </font>
    <font>
      <sz val="11"/>
      <name val="ＭＳ 明朝"/>
      <family val="1"/>
      <charset val="128"/>
    </font>
    <font>
      <sz val="11"/>
      <color indexed="9"/>
      <name val="ＭＳ 明朝"/>
      <family val="1"/>
      <charset val="128"/>
    </font>
    <font>
      <sz val="14"/>
      <color theme="1"/>
      <name val="ＭＳ 明朝"/>
      <family val="1"/>
      <charset val="128"/>
    </font>
  </fonts>
  <fills count="2">
    <fill>
      <patternFill patternType="none"/>
    </fill>
    <fill>
      <patternFill patternType="gray125"/>
    </fill>
  </fills>
  <borders count="16">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62">
    <xf numFmtId="0" fontId="0" fillId="0" borderId="0" xfId="0">
      <alignment vertical="center"/>
    </xf>
    <xf numFmtId="0" fontId="5" fillId="0" borderId="0" xfId="0" applyFont="1" applyAlignment="1"/>
    <xf numFmtId="0" fontId="5" fillId="0" borderId="0" xfId="0" applyFont="1" applyAlignment="1">
      <alignment horizontal="right"/>
    </xf>
    <xf numFmtId="0" fontId="7" fillId="0" borderId="0" xfId="0" applyFont="1" applyAlignment="1">
      <alignment horizontal="center"/>
    </xf>
    <xf numFmtId="0" fontId="7" fillId="0" borderId="0" xfId="0" applyFont="1" applyAlignment="1">
      <alignment horizontal="center" shrinkToFit="1"/>
    </xf>
    <xf numFmtId="0" fontId="6" fillId="0" borderId="0" xfId="0" applyFont="1" applyAlignment="1">
      <alignment vertical="center" shrinkToFit="1"/>
    </xf>
    <xf numFmtId="0" fontId="6" fillId="0" borderId="0" xfId="0" applyFont="1" applyBorder="1" applyAlignment="1"/>
    <xf numFmtId="0" fontId="6" fillId="0" borderId="0" xfId="0" applyFont="1" applyAlignment="1">
      <alignment horizontal="center"/>
    </xf>
    <xf numFmtId="0" fontId="6" fillId="0" borderId="0" xfId="0" applyFont="1" applyAlignment="1">
      <alignment horizontal="right"/>
    </xf>
    <xf numFmtId="0" fontId="6" fillId="0" borderId="0" xfId="0" applyFont="1" applyBorder="1" applyAlignment="1">
      <alignment horizontal="center"/>
    </xf>
    <xf numFmtId="0" fontId="6" fillId="0" borderId="5" xfId="0" applyFont="1" applyBorder="1" applyAlignment="1">
      <alignment horizontal="center" vertical="center"/>
    </xf>
    <xf numFmtId="0" fontId="8" fillId="0" borderId="0" xfId="0" applyFont="1" applyAlignment="1"/>
    <xf numFmtId="0" fontId="6" fillId="0" borderId="6" xfId="0" applyFont="1" applyBorder="1" applyAlignment="1">
      <alignment horizontal="center"/>
    </xf>
    <xf numFmtId="0" fontId="6" fillId="0" borderId="5" xfId="0" applyFont="1" applyBorder="1" applyAlignment="1">
      <alignment horizontal="center"/>
    </xf>
    <xf numFmtId="0" fontId="6" fillId="0" borderId="5" xfId="0" applyFont="1" applyBorder="1" applyAlignment="1"/>
    <xf numFmtId="0" fontId="8" fillId="0" borderId="0" xfId="0" applyFont="1" applyFill="1" applyBorder="1" applyAlignment="1"/>
    <xf numFmtId="0" fontId="6" fillId="0" borderId="5" xfId="0" applyFont="1" applyFill="1" applyBorder="1" applyAlignment="1">
      <alignment horizontal="center"/>
    </xf>
    <xf numFmtId="0" fontId="7" fillId="0" borderId="0" xfId="0" applyFont="1" applyFill="1" applyBorder="1" applyAlignment="1"/>
    <xf numFmtId="0" fontId="6" fillId="0" borderId="0" xfId="0" applyFont="1" applyAlignment="1">
      <alignment vertical="center"/>
    </xf>
    <xf numFmtId="0" fontId="7" fillId="0" borderId="0" xfId="0" applyFont="1" applyFill="1" applyBorder="1" applyAlignment="1">
      <alignment vertical="center"/>
    </xf>
    <xf numFmtId="49" fontId="7" fillId="0" borderId="0" xfId="0" applyNumberFormat="1" applyFont="1" applyBorder="1" applyAlignment="1">
      <alignment horizontal="right"/>
    </xf>
    <xf numFmtId="49" fontId="7" fillId="0" borderId="0" xfId="0" applyNumberFormat="1" applyFont="1" applyBorder="1" applyAlignment="1">
      <alignment horizontal="center"/>
    </xf>
    <xf numFmtId="0" fontId="7" fillId="0" borderId="0" xfId="0" applyFont="1" applyBorder="1" applyAlignment="1"/>
    <xf numFmtId="0" fontId="7" fillId="0" borderId="0" xfId="0" applyNumberFormat="1" applyFont="1" applyBorder="1" applyAlignment="1">
      <alignment horizontal="left"/>
    </xf>
    <xf numFmtId="0" fontId="7" fillId="0" borderId="0" xfId="0" applyFont="1" applyBorder="1" applyAlignment="1">
      <alignment horizontal="center"/>
    </xf>
    <xf numFmtId="0" fontId="7" fillId="0" borderId="0" xfId="0" applyFont="1" applyFill="1" applyBorder="1" applyAlignment="1">
      <alignment horizontal="center"/>
    </xf>
    <xf numFmtId="49" fontId="7" fillId="0" borderId="0" xfId="0" applyNumberFormat="1" applyFont="1" applyBorder="1" applyAlignment="1">
      <alignment horizontal="right" vertical="center"/>
    </xf>
    <xf numFmtId="49" fontId="7" fillId="0" borderId="0" xfId="0" applyNumberFormat="1" applyFont="1" applyBorder="1" applyAlignment="1">
      <alignment horizontal="center" vertical="center"/>
    </xf>
    <xf numFmtId="0" fontId="7" fillId="0" borderId="0" xfId="0" applyFont="1" applyBorder="1" applyAlignment="1">
      <alignment vertical="center"/>
    </xf>
    <xf numFmtId="0" fontId="7" fillId="0" borderId="0" xfId="0" applyFont="1" applyBorder="1" applyAlignment="1">
      <alignment horizontal="left"/>
    </xf>
    <xf numFmtId="49" fontId="7" fillId="0" borderId="0" xfId="0" applyNumberFormat="1" applyFont="1" applyBorder="1" applyAlignment="1">
      <alignment horizontal="left"/>
    </xf>
    <xf numFmtId="0" fontId="7" fillId="0" borderId="0" xfId="0" applyFont="1" applyBorder="1" applyAlignment="1">
      <alignment horizontal="left" vertical="center"/>
    </xf>
    <xf numFmtId="0" fontId="7" fillId="0" borderId="0" xfId="0" applyFont="1" applyBorder="1" applyAlignment="1">
      <alignment horizontal="left" vertical="top"/>
    </xf>
    <xf numFmtId="0" fontId="6" fillId="0" borderId="0" xfId="0" applyFont="1" applyAlignment="1">
      <alignment horizontal="left"/>
    </xf>
    <xf numFmtId="0" fontId="6" fillId="0" borderId="0" xfId="0" applyFont="1" applyAlignment="1">
      <alignment vertical="center" wrapText="1"/>
    </xf>
    <xf numFmtId="0" fontId="6" fillId="0" borderId="1" xfId="0" applyFont="1" applyBorder="1" applyAlignment="1">
      <alignment horizontal="center" shrinkToFit="1"/>
    </xf>
    <xf numFmtId="0" fontId="6" fillId="0" borderId="7" xfId="0" applyFont="1" applyBorder="1" applyAlignment="1">
      <alignment horizontal="center" shrinkToFit="1"/>
    </xf>
    <xf numFmtId="0" fontId="6" fillId="0" borderId="0" xfId="0" applyFont="1" applyAlignment="1">
      <alignment horizontal="center"/>
    </xf>
    <xf numFmtId="0" fontId="6" fillId="0" borderId="0" xfId="0" applyFont="1" applyAlignment="1">
      <alignment horizontal="left" vertical="center" wrapText="1"/>
    </xf>
    <xf numFmtId="0" fontId="6" fillId="0" borderId="0" xfId="0" applyNumberFormat="1" applyFont="1" applyAlignment="1">
      <alignment horizont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2" xfId="0" applyFont="1" applyBorder="1" applyAlignment="1">
      <alignment vertical="top"/>
    </xf>
    <xf numFmtId="0" fontId="6" fillId="0" borderId="3" xfId="0" applyFont="1" applyBorder="1" applyAlignment="1">
      <alignment vertical="top"/>
    </xf>
    <xf numFmtId="0" fontId="6" fillId="0" borderId="4" xfId="0" applyFont="1" applyBorder="1" applyAlignment="1">
      <alignment vertical="top"/>
    </xf>
    <xf numFmtId="0" fontId="6" fillId="0" borderId="11" xfId="0" applyFont="1" applyBorder="1" applyAlignment="1">
      <alignment vertical="top"/>
    </xf>
    <xf numFmtId="0" fontId="6" fillId="0" borderId="0" xfId="0" applyFont="1" applyAlignment="1">
      <alignment vertical="top"/>
    </xf>
    <xf numFmtId="0" fontId="6" fillId="0" borderId="12" xfId="0" applyFont="1" applyBorder="1" applyAlignment="1">
      <alignment vertical="top"/>
    </xf>
    <xf numFmtId="0" fontId="6" fillId="0" borderId="9" xfId="0" applyFont="1" applyBorder="1" applyAlignment="1">
      <alignment vertical="top"/>
    </xf>
    <xf numFmtId="0" fontId="6" fillId="0" borderId="1" xfId="0" applyFont="1" applyBorder="1" applyAlignment="1">
      <alignment vertical="top"/>
    </xf>
    <xf numFmtId="0" fontId="6" fillId="0" borderId="10" xfId="0" applyFont="1" applyBorder="1" applyAlignment="1">
      <alignment vertical="top"/>
    </xf>
    <xf numFmtId="0" fontId="7" fillId="0" borderId="0" xfId="0" applyFont="1" applyBorder="1" applyAlignment="1">
      <alignment horizontal="center" vertical="center"/>
    </xf>
    <xf numFmtId="0" fontId="2" fillId="0" borderId="0" xfId="0" applyFont="1" applyAlignment="1">
      <alignment horizontal="center" vertical="center" shrinkToFit="1"/>
    </xf>
    <xf numFmtId="0" fontId="9" fillId="0" borderId="0" xfId="0" applyFont="1" applyAlignment="1">
      <alignment vertical="center" shrinkToFit="1"/>
    </xf>
    <xf numFmtId="49" fontId="7" fillId="0" borderId="0" xfId="0" applyNumberFormat="1" applyFont="1" applyBorder="1" applyAlignment="1">
      <alignment horizontal="center"/>
    </xf>
    <xf numFmtId="176" fontId="6" fillId="0" borderId="0" xfId="0" applyNumberFormat="1" applyFont="1" applyAlignment="1">
      <alignment horizont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6" fillId="0" borderId="0" xfId="0" applyFont="1" applyAlignment="1">
      <alignment horizontal="right" shrinkToFit="1"/>
    </xf>
    <xf numFmtId="0" fontId="6" fillId="0" borderId="0" xfId="0" applyFont="1" applyAlignment="1"/>
  </cellXfs>
  <cellStyles count="1">
    <cellStyle name="標準" xfId="0" builtinId="0"/>
  </cellStyles>
  <dxfs count="6">
    <dxf>
      <fill>
        <patternFill>
          <bgColor theme="9" tint="0.39994506668294322"/>
        </patternFill>
      </fill>
    </dxf>
    <dxf>
      <fill>
        <patternFill>
          <bgColor rgb="FFFFCC99"/>
        </patternFill>
      </fill>
    </dxf>
    <dxf>
      <fill>
        <patternFill>
          <bgColor indexed="47"/>
        </patternFill>
      </fill>
    </dxf>
    <dxf>
      <fill>
        <patternFill>
          <bgColor theme="9" tint="0.39994506668294322"/>
        </patternFill>
      </fill>
    </dxf>
    <dxf>
      <fill>
        <patternFill>
          <bgColor rgb="FFFFCC99"/>
        </patternFill>
      </fill>
    </dxf>
    <dxf>
      <fill>
        <patternFill>
          <bgColor indexed="47"/>
        </patternFill>
      </fill>
    </dxf>
  </dxfs>
  <tableStyles count="0" defaultTableStyle="TableStyleMedium9" defaultPivotStyle="PivotStyleLight16"/>
  <colors>
    <mruColors>
      <color rgb="FFFFCC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8</xdr:col>
      <xdr:colOff>28575</xdr:colOff>
      <xdr:row>32</xdr:row>
      <xdr:rowOff>95250</xdr:rowOff>
    </xdr:from>
    <xdr:to>
      <xdr:col>16</xdr:col>
      <xdr:colOff>104775</xdr:colOff>
      <xdr:row>42</xdr:row>
      <xdr:rowOff>57149</xdr:rowOff>
    </xdr:to>
    <xdr:sp macro="" textlink="">
      <xdr:nvSpPr>
        <xdr:cNvPr id="6" name="大かっこ 5"/>
        <xdr:cNvSpPr/>
      </xdr:nvSpPr>
      <xdr:spPr>
        <a:xfrm>
          <a:off x="4200525" y="7848600"/>
          <a:ext cx="2305050" cy="1390649"/>
        </a:xfrm>
        <a:prstGeom prst="bracketPair">
          <a:avLst>
            <a:gd name="adj" fmla="val 4746"/>
          </a:avLst>
        </a:prstGeom>
      </xdr:spPr>
      <xdr:style>
        <a:lnRef idx="1">
          <a:schemeClr val="dk1"/>
        </a:lnRef>
        <a:fillRef idx="0">
          <a:schemeClr val="dk1"/>
        </a:fillRef>
        <a:effectRef idx="0">
          <a:schemeClr val="dk1"/>
        </a:effectRef>
        <a:fontRef idx="minor">
          <a:schemeClr val="tx1"/>
        </a:fontRef>
      </xdr:style>
      <xdr:txBody>
        <a:bodyPr vertOverflow="clip" rtlCol="0" anchor="ctr"/>
        <a:lstStyle/>
        <a:p>
          <a:pPr algn="ct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O49"/>
  <sheetViews>
    <sheetView tabSelected="1" view="pageBreakPreview" zoomScaleNormal="100" zoomScaleSheetLayoutView="100" workbookViewId="0">
      <selection activeCell="U13" sqref="U13"/>
    </sheetView>
  </sheetViews>
  <sheetFormatPr defaultRowHeight="13.5" x14ac:dyDescent="0.15"/>
  <cols>
    <col min="1" max="1" width="6.75" style="1" customWidth="1"/>
    <col min="2" max="2" width="10.5" style="1" customWidth="1"/>
    <col min="3" max="6" width="4.25" style="1" customWidth="1"/>
    <col min="7" max="7" width="11.625" style="1" customWidth="1"/>
    <col min="8" max="8" width="4.25" style="1" customWidth="1"/>
    <col min="9" max="9" width="2.125" style="1" customWidth="1"/>
    <col min="10" max="10" width="4.25" style="1" customWidth="1"/>
    <col min="11" max="14" width="2.625" style="1" customWidth="1"/>
    <col min="15" max="15" width="3" style="1" customWidth="1"/>
    <col min="16" max="16" width="4.25" style="1" customWidth="1"/>
    <col min="17" max="17" width="6.75" style="1" customWidth="1"/>
    <col min="18" max="18" width="1.375" style="1" customWidth="1"/>
    <col min="19" max="19" width="2" style="20" customWidth="1"/>
    <col min="20" max="20" width="1.5" style="21" customWidth="1"/>
    <col min="21" max="21" width="65.25" style="29" customWidth="1"/>
    <col min="22" max="22" width="7.5" style="22" customWidth="1"/>
    <col min="23" max="26" width="9" style="22" hidden="1" customWidth="1"/>
    <col min="27" max="32" width="9" style="22"/>
    <col min="33" max="37" width="9" style="1"/>
    <col min="38" max="39" width="9" style="1" hidden="1" customWidth="1"/>
    <col min="40" max="40" width="61.25" style="1" hidden="1" customWidth="1"/>
    <col min="41" max="41" width="9" style="1" hidden="1" customWidth="1"/>
    <col min="42" max="49" width="9" style="1" customWidth="1"/>
    <col min="50" max="256" width="9" style="1"/>
    <col min="257" max="257" width="6.75" style="1" customWidth="1"/>
    <col min="258" max="258" width="14.375" style="1" customWidth="1"/>
    <col min="259" max="259" width="11" style="1" customWidth="1"/>
    <col min="260" max="260" width="5.5" style="1" customWidth="1"/>
    <col min="261" max="261" width="1.625" style="1" customWidth="1"/>
    <col min="262" max="262" width="6.5" style="1" customWidth="1"/>
    <col min="263" max="263" width="3.75" style="1" customWidth="1"/>
    <col min="264" max="264" width="5.25" style="1" customWidth="1"/>
    <col min="265" max="265" width="1.625" style="1" customWidth="1"/>
    <col min="266" max="266" width="9" style="1"/>
    <col min="267" max="267" width="4.5" style="1" customWidth="1"/>
    <col min="268" max="268" width="1.5" style="1" customWidth="1"/>
    <col min="269" max="269" width="3.5" style="1" customWidth="1"/>
    <col min="270" max="270" width="1.875" style="1" customWidth="1"/>
    <col min="271" max="272" width="3.625" style="1" customWidth="1"/>
    <col min="273" max="273" width="12.375" style="1" customWidth="1"/>
    <col min="274" max="274" width="1.375" style="1" customWidth="1"/>
    <col min="275" max="275" width="3.125" style="1" customWidth="1"/>
    <col min="276" max="276" width="1.5" style="1" customWidth="1"/>
    <col min="277" max="277" width="65.25" style="1" customWidth="1"/>
    <col min="278" max="278" width="7.5" style="1" customWidth="1"/>
    <col min="279" max="282" width="0" style="1" hidden="1" customWidth="1"/>
    <col min="283" max="293" width="9" style="1"/>
    <col min="294" max="297" width="0" style="1" hidden="1" customWidth="1"/>
    <col min="298" max="305" width="9" style="1" customWidth="1"/>
    <col min="306" max="512" width="9" style="1"/>
    <col min="513" max="513" width="6.75" style="1" customWidth="1"/>
    <col min="514" max="514" width="14.375" style="1" customWidth="1"/>
    <col min="515" max="515" width="11" style="1" customWidth="1"/>
    <col min="516" max="516" width="5.5" style="1" customWidth="1"/>
    <col min="517" max="517" width="1.625" style="1" customWidth="1"/>
    <col min="518" max="518" width="6.5" style="1" customWidth="1"/>
    <col min="519" max="519" width="3.75" style="1" customWidth="1"/>
    <col min="520" max="520" width="5.25" style="1" customWidth="1"/>
    <col min="521" max="521" width="1.625" style="1" customWidth="1"/>
    <col min="522" max="522" width="9" style="1"/>
    <col min="523" max="523" width="4.5" style="1" customWidth="1"/>
    <col min="524" max="524" width="1.5" style="1" customWidth="1"/>
    <col min="525" max="525" width="3.5" style="1" customWidth="1"/>
    <col min="526" max="526" width="1.875" style="1" customWidth="1"/>
    <col min="527" max="528" width="3.625" style="1" customWidth="1"/>
    <col min="529" max="529" width="12.375" style="1" customWidth="1"/>
    <col min="530" max="530" width="1.375" style="1" customWidth="1"/>
    <col min="531" max="531" width="3.125" style="1" customWidth="1"/>
    <col min="532" max="532" width="1.5" style="1" customWidth="1"/>
    <col min="533" max="533" width="65.25" style="1" customWidth="1"/>
    <col min="534" max="534" width="7.5" style="1" customWidth="1"/>
    <col min="535" max="538" width="0" style="1" hidden="1" customWidth="1"/>
    <col min="539" max="549" width="9" style="1"/>
    <col min="550" max="553" width="0" style="1" hidden="1" customWidth="1"/>
    <col min="554" max="561" width="9" style="1" customWidth="1"/>
    <col min="562" max="768" width="9" style="1"/>
    <col min="769" max="769" width="6.75" style="1" customWidth="1"/>
    <col min="770" max="770" width="14.375" style="1" customWidth="1"/>
    <col min="771" max="771" width="11" style="1" customWidth="1"/>
    <col min="772" max="772" width="5.5" style="1" customWidth="1"/>
    <col min="773" max="773" width="1.625" style="1" customWidth="1"/>
    <col min="774" max="774" width="6.5" style="1" customWidth="1"/>
    <col min="775" max="775" width="3.75" style="1" customWidth="1"/>
    <col min="776" max="776" width="5.25" style="1" customWidth="1"/>
    <col min="777" max="777" width="1.625" style="1" customWidth="1"/>
    <col min="778" max="778" width="9" style="1"/>
    <col min="779" max="779" width="4.5" style="1" customWidth="1"/>
    <col min="780" max="780" width="1.5" style="1" customWidth="1"/>
    <col min="781" max="781" width="3.5" style="1" customWidth="1"/>
    <col min="782" max="782" width="1.875" style="1" customWidth="1"/>
    <col min="783" max="784" width="3.625" style="1" customWidth="1"/>
    <col min="785" max="785" width="12.375" style="1" customWidth="1"/>
    <col min="786" max="786" width="1.375" style="1" customWidth="1"/>
    <col min="787" max="787" width="3.125" style="1" customWidth="1"/>
    <col min="788" max="788" width="1.5" style="1" customWidth="1"/>
    <col min="789" max="789" width="65.25" style="1" customWidth="1"/>
    <col min="790" max="790" width="7.5" style="1" customWidth="1"/>
    <col min="791" max="794" width="0" style="1" hidden="1" customWidth="1"/>
    <col min="795" max="805" width="9" style="1"/>
    <col min="806" max="809" width="0" style="1" hidden="1" customWidth="1"/>
    <col min="810" max="817" width="9" style="1" customWidth="1"/>
    <col min="818" max="1024" width="9" style="1"/>
    <col min="1025" max="1025" width="6.75" style="1" customWidth="1"/>
    <col min="1026" max="1026" width="14.375" style="1" customWidth="1"/>
    <col min="1027" max="1027" width="11" style="1" customWidth="1"/>
    <col min="1028" max="1028" width="5.5" style="1" customWidth="1"/>
    <col min="1029" max="1029" width="1.625" style="1" customWidth="1"/>
    <col min="1030" max="1030" width="6.5" style="1" customWidth="1"/>
    <col min="1031" max="1031" width="3.75" style="1" customWidth="1"/>
    <col min="1032" max="1032" width="5.25" style="1" customWidth="1"/>
    <col min="1033" max="1033" width="1.625" style="1" customWidth="1"/>
    <col min="1034" max="1034" width="9" style="1"/>
    <col min="1035" max="1035" width="4.5" style="1" customWidth="1"/>
    <col min="1036" max="1036" width="1.5" style="1" customWidth="1"/>
    <col min="1037" max="1037" width="3.5" style="1" customWidth="1"/>
    <col min="1038" max="1038" width="1.875" style="1" customWidth="1"/>
    <col min="1039" max="1040" width="3.625" style="1" customWidth="1"/>
    <col min="1041" max="1041" width="12.375" style="1" customWidth="1"/>
    <col min="1042" max="1042" width="1.375" style="1" customWidth="1"/>
    <col min="1043" max="1043" width="3.125" style="1" customWidth="1"/>
    <col min="1044" max="1044" width="1.5" style="1" customWidth="1"/>
    <col min="1045" max="1045" width="65.25" style="1" customWidth="1"/>
    <col min="1046" max="1046" width="7.5" style="1" customWidth="1"/>
    <col min="1047" max="1050" width="0" style="1" hidden="1" customWidth="1"/>
    <col min="1051" max="1061" width="9" style="1"/>
    <col min="1062" max="1065" width="0" style="1" hidden="1" customWidth="1"/>
    <col min="1066" max="1073" width="9" style="1" customWidth="1"/>
    <col min="1074" max="1280" width="9" style="1"/>
    <col min="1281" max="1281" width="6.75" style="1" customWidth="1"/>
    <col min="1282" max="1282" width="14.375" style="1" customWidth="1"/>
    <col min="1283" max="1283" width="11" style="1" customWidth="1"/>
    <col min="1284" max="1284" width="5.5" style="1" customWidth="1"/>
    <col min="1285" max="1285" width="1.625" style="1" customWidth="1"/>
    <col min="1286" max="1286" width="6.5" style="1" customWidth="1"/>
    <col min="1287" max="1287" width="3.75" style="1" customWidth="1"/>
    <col min="1288" max="1288" width="5.25" style="1" customWidth="1"/>
    <col min="1289" max="1289" width="1.625" style="1" customWidth="1"/>
    <col min="1290" max="1290" width="9" style="1"/>
    <col min="1291" max="1291" width="4.5" style="1" customWidth="1"/>
    <col min="1292" max="1292" width="1.5" style="1" customWidth="1"/>
    <col min="1293" max="1293" width="3.5" style="1" customWidth="1"/>
    <col min="1294" max="1294" width="1.875" style="1" customWidth="1"/>
    <col min="1295" max="1296" width="3.625" style="1" customWidth="1"/>
    <col min="1297" max="1297" width="12.375" style="1" customWidth="1"/>
    <col min="1298" max="1298" width="1.375" style="1" customWidth="1"/>
    <col min="1299" max="1299" width="3.125" style="1" customWidth="1"/>
    <col min="1300" max="1300" width="1.5" style="1" customWidth="1"/>
    <col min="1301" max="1301" width="65.25" style="1" customWidth="1"/>
    <col min="1302" max="1302" width="7.5" style="1" customWidth="1"/>
    <col min="1303" max="1306" width="0" style="1" hidden="1" customWidth="1"/>
    <col min="1307" max="1317" width="9" style="1"/>
    <col min="1318" max="1321" width="0" style="1" hidden="1" customWidth="1"/>
    <col min="1322" max="1329" width="9" style="1" customWidth="1"/>
    <col min="1330" max="1536" width="9" style="1"/>
    <col min="1537" max="1537" width="6.75" style="1" customWidth="1"/>
    <col min="1538" max="1538" width="14.375" style="1" customWidth="1"/>
    <col min="1539" max="1539" width="11" style="1" customWidth="1"/>
    <col min="1540" max="1540" width="5.5" style="1" customWidth="1"/>
    <col min="1541" max="1541" width="1.625" style="1" customWidth="1"/>
    <col min="1542" max="1542" width="6.5" style="1" customWidth="1"/>
    <col min="1543" max="1543" width="3.75" style="1" customWidth="1"/>
    <col min="1544" max="1544" width="5.25" style="1" customWidth="1"/>
    <col min="1545" max="1545" width="1.625" style="1" customWidth="1"/>
    <col min="1546" max="1546" width="9" style="1"/>
    <col min="1547" max="1547" width="4.5" style="1" customWidth="1"/>
    <col min="1548" max="1548" width="1.5" style="1" customWidth="1"/>
    <col min="1549" max="1549" width="3.5" style="1" customWidth="1"/>
    <col min="1550" max="1550" width="1.875" style="1" customWidth="1"/>
    <col min="1551" max="1552" width="3.625" style="1" customWidth="1"/>
    <col min="1553" max="1553" width="12.375" style="1" customWidth="1"/>
    <col min="1554" max="1554" width="1.375" style="1" customWidth="1"/>
    <col min="1555" max="1555" width="3.125" style="1" customWidth="1"/>
    <col min="1556" max="1556" width="1.5" style="1" customWidth="1"/>
    <col min="1557" max="1557" width="65.25" style="1" customWidth="1"/>
    <col min="1558" max="1558" width="7.5" style="1" customWidth="1"/>
    <col min="1559" max="1562" width="0" style="1" hidden="1" customWidth="1"/>
    <col min="1563" max="1573" width="9" style="1"/>
    <col min="1574" max="1577" width="0" style="1" hidden="1" customWidth="1"/>
    <col min="1578" max="1585" width="9" style="1" customWidth="1"/>
    <col min="1586" max="1792" width="9" style="1"/>
    <col min="1793" max="1793" width="6.75" style="1" customWidth="1"/>
    <col min="1794" max="1794" width="14.375" style="1" customWidth="1"/>
    <col min="1795" max="1795" width="11" style="1" customWidth="1"/>
    <col min="1796" max="1796" width="5.5" style="1" customWidth="1"/>
    <col min="1797" max="1797" width="1.625" style="1" customWidth="1"/>
    <col min="1798" max="1798" width="6.5" style="1" customWidth="1"/>
    <col min="1799" max="1799" width="3.75" style="1" customWidth="1"/>
    <col min="1800" max="1800" width="5.25" style="1" customWidth="1"/>
    <col min="1801" max="1801" width="1.625" style="1" customWidth="1"/>
    <col min="1802" max="1802" width="9" style="1"/>
    <col min="1803" max="1803" width="4.5" style="1" customWidth="1"/>
    <col min="1804" max="1804" width="1.5" style="1" customWidth="1"/>
    <col min="1805" max="1805" width="3.5" style="1" customWidth="1"/>
    <col min="1806" max="1806" width="1.875" style="1" customWidth="1"/>
    <col min="1807" max="1808" width="3.625" style="1" customWidth="1"/>
    <col min="1809" max="1809" width="12.375" style="1" customWidth="1"/>
    <col min="1810" max="1810" width="1.375" style="1" customWidth="1"/>
    <col min="1811" max="1811" width="3.125" style="1" customWidth="1"/>
    <col min="1812" max="1812" width="1.5" style="1" customWidth="1"/>
    <col min="1813" max="1813" width="65.25" style="1" customWidth="1"/>
    <col min="1814" max="1814" width="7.5" style="1" customWidth="1"/>
    <col min="1815" max="1818" width="0" style="1" hidden="1" customWidth="1"/>
    <col min="1819" max="1829" width="9" style="1"/>
    <col min="1830" max="1833" width="0" style="1" hidden="1" customWidth="1"/>
    <col min="1834" max="1841" width="9" style="1" customWidth="1"/>
    <col min="1842" max="2048" width="9" style="1"/>
    <col min="2049" max="2049" width="6.75" style="1" customWidth="1"/>
    <col min="2050" max="2050" width="14.375" style="1" customWidth="1"/>
    <col min="2051" max="2051" width="11" style="1" customWidth="1"/>
    <col min="2052" max="2052" width="5.5" style="1" customWidth="1"/>
    <col min="2053" max="2053" width="1.625" style="1" customWidth="1"/>
    <col min="2054" max="2054" width="6.5" style="1" customWidth="1"/>
    <col min="2055" max="2055" width="3.75" style="1" customWidth="1"/>
    <col min="2056" max="2056" width="5.25" style="1" customWidth="1"/>
    <col min="2057" max="2057" width="1.625" style="1" customWidth="1"/>
    <col min="2058" max="2058" width="9" style="1"/>
    <col min="2059" max="2059" width="4.5" style="1" customWidth="1"/>
    <col min="2060" max="2060" width="1.5" style="1" customWidth="1"/>
    <col min="2061" max="2061" width="3.5" style="1" customWidth="1"/>
    <col min="2062" max="2062" width="1.875" style="1" customWidth="1"/>
    <col min="2063" max="2064" width="3.625" style="1" customWidth="1"/>
    <col min="2065" max="2065" width="12.375" style="1" customWidth="1"/>
    <col min="2066" max="2066" width="1.375" style="1" customWidth="1"/>
    <col min="2067" max="2067" width="3.125" style="1" customWidth="1"/>
    <col min="2068" max="2068" width="1.5" style="1" customWidth="1"/>
    <col min="2069" max="2069" width="65.25" style="1" customWidth="1"/>
    <col min="2070" max="2070" width="7.5" style="1" customWidth="1"/>
    <col min="2071" max="2074" width="0" style="1" hidden="1" customWidth="1"/>
    <col min="2075" max="2085" width="9" style="1"/>
    <col min="2086" max="2089" width="0" style="1" hidden="1" customWidth="1"/>
    <col min="2090" max="2097" width="9" style="1" customWidth="1"/>
    <col min="2098" max="2304" width="9" style="1"/>
    <col min="2305" max="2305" width="6.75" style="1" customWidth="1"/>
    <col min="2306" max="2306" width="14.375" style="1" customWidth="1"/>
    <col min="2307" max="2307" width="11" style="1" customWidth="1"/>
    <col min="2308" max="2308" width="5.5" style="1" customWidth="1"/>
    <col min="2309" max="2309" width="1.625" style="1" customWidth="1"/>
    <col min="2310" max="2310" width="6.5" style="1" customWidth="1"/>
    <col min="2311" max="2311" width="3.75" style="1" customWidth="1"/>
    <col min="2312" max="2312" width="5.25" style="1" customWidth="1"/>
    <col min="2313" max="2313" width="1.625" style="1" customWidth="1"/>
    <col min="2314" max="2314" width="9" style="1"/>
    <col min="2315" max="2315" width="4.5" style="1" customWidth="1"/>
    <col min="2316" max="2316" width="1.5" style="1" customWidth="1"/>
    <col min="2317" max="2317" width="3.5" style="1" customWidth="1"/>
    <col min="2318" max="2318" width="1.875" style="1" customWidth="1"/>
    <col min="2319" max="2320" width="3.625" style="1" customWidth="1"/>
    <col min="2321" max="2321" width="12.375" style="1" customWidth="1"/>
    <col min="2322" max="2322" width="1.375" style="1" customWidth="1"/>
    <col min="2323" max="2323" width="3.125" style="1" customWidth="1"/>
    <col min="2324" max="2324" width="1.5" style="1" customWidth="1"/>
    <col min="2325" max="2325" width="65.25" style="1" customWidth="1"/>
    <col min="2326" max="2326" width="7.5" style="1" customWidth="1"/>
    <col min="2327" max="2330" width="0" style="1" hidden="1" customWidth="1"/>
    <col min="2331" max="2341" width="9" style="1"/>
    <col min="2342" max="2345" width="0" style="1" hidden="1" customWidth="1"/>
    <col min="2346" max="2353" width="9" style="1" customWidth="1"/>
    <col min="2354" max="2560" width="9" style="1"/>
    <col min="2561" max="2561" width="6.75" style="1" customWidth="1"/>
    <col min="2562" max="2562" width="14.375" style="1" customWidth="1"/>
    <col min="2563" max="2563" width="11" style="1" customWidth="1"/>
    <col min="2564" max="2564" width="5.5" style="1" customWidth="1"/>
    <col min="2565" max="2565" width="1.625" style="1" customWidth="1"/>
    <col min="2566" max="2566" width="6.5" style="1" customWidth="1"/>
    <col min="2567" max="2567" width="3.75" style="1" customWidth="1"/>
    <col min="2568" max="2568" width="5.25" style="1" customWidth="1"/>
    <col min="2569" max="2569" width="1.625" style="1" customWidth="1"/>
    <col min="2570" max="2570" width="9" style="1"/>
    <col min="2571" max="2571" width="4.5" style="1" customWidth="1"/>
    <col min="2572" max="2572" width="1.5" style="1" customWidth="1"/>
    <col min="2573" max="2573" width="3.5" style="1" customWidth="1"/>
    <col min="2574" max="2574" width="1.875" style="1" customWidth="1"/>
    <col min="2575" max="2576" width="3.625" style="1" customWidth="1"/>
    <col min="2577" max="2577" width="12.375" style="1" customWidth="1"/>
    <col min="2578" max="2578" width="1.375" style="1" customWidth="1"/>
    <col min="2579" max="2579" width="3.125" style="1" customWidth="1"/>
    <col min="2580" max="2580" width="1.5" style="1" customWidth="1"/>
    <col min="2581" max="2581" width="65.25" style="1" customWidth="1"/>
    <col min="2582" max="2582" width="7.5" style="1" customWidth="1"/>
    <col min="2583" max="2586" width="0" style="1" hidden="1" customWidth="1"/>
    <col min="2587" max="2597" width="9" style="1"/>
    <col min="2598" max="2601" width="0" style="1" hidden="1" customWidth="1"/>
    <col min="2602" max="2609" width="9" style="1" customWidth="1"/>
    <col min="2610" max="2816" width="9" style="1"/>
    <col min="2817" max="2817" width="6.75" style="1" customWidth="1"/>
    <col min="2818" max="2818" width="14.375" style="1" customWidth="1"/>
    <col min="2819" max="2819" width="11" style="1" customWidth="1"/>
    <col min="2820" max="2820" width="5.5" style="1" customWidth="1"/>
    <col min="2821" max="2821" width="1.625" style="1" customWidth="1"/>
    <col min="2822" max="2822" width="6.5" style="1" customWidth="1"/>
    <col min="2823" max="2823" width="3.75" style="1" customWidth="1"/>
    <col min="2824" max="2824" width="5.25" style="1" customWidth="1"/>
    <col min="2825" max="2825" width="1.625" style="1" customWidth="1"/>
    <col min="2826" max="2826" width="9" style="1"/>
    <col min="2827" max="2827" width="4.5" style="1" customWidth="1"/>
    <col min="2828" max="2828" width="1.5" style="1" customWidth="1"/>
    <col min="2829" max="2829" width="3.5" style="1" customWidth="1"/>
    <col min="2830" max="2830" width="1.875" style="1" customWidth="1"/>
    <col min="2831" max="2832" width="3.625" style="1" customWidth="1"/>
    <col min="2833" max="2833" width="12.375" style="1" customWidth="1"/>
    <col min="2834" max="2834" width="1.375" style="1" customWidth="1"/>
    <col min="2835" max="2835" width="3.125" style="1" customWidth="1"/>
    <col min="2836" max="2836" width="1.5" style="1" customWidth="1"/>
    <col min="2837" max="2837" width="65.25" style="1" customWidth="1"/>
    <col min="2838" max="2838" width="7.5" style="1" customWidth="1"/>
    <col min="2839" max="2842" width="0" style="1" hidden="1" customWidth="1"/>
    <col min="2843" max="2853" width="9" style="1"/>
    <col min="2854" max="2857" width="0" style="1" hidden="1" customWidth="1"/>
    <col min="2858" max="2865" width="9" style="1" customWidth="1"/>
    <col min="2866" max="3072" width="9" style="1"/>
    <col min="3073" max="3073" width="6.75" style="1" customWidth="1"/>
    <col min="3074" max="3074" width="14.375" style="1" customWidth="1"/>
    <col min="3075" max="3075" width="11" style="1" customWidth="1"/>
    <col min="3076" max="3076" width="5.5" style="1" customWidth="1"/>
    <col min="3077" max="3077" width="1.625" style="1" customWidth="1"/>
    <col min="3078" max="3078" width="6.5" style="1" customWidth="1"/>
    <col min="3079" max="3079" width="3.75" style="1" customWidth="1"/>
    <col min="3080" max="3080" width="5.25" style="1" customWidth="1"/>
    <col min="3081" max="3081" width="1.625" style="1" customWidth="1"/>
    <col min="3082" max="3082" width="9" style="1"/>
    <col min="3083" max="3083" width="4.5" style="1" customWidth="1"/>
    <col min="3084" max="3084" width="1.5" style="1" customWidth="1"/>
    <col min="3085" max="3085" width="3.5" style="1" customWidth="1"/>
    <col min="3086" max="3086" width="1.875" style="1" customWidth="1"/>
    <col min="3087" max="3088" width="3.625" style="1" customWidth="1"/>
    <col min="3089" max="3089" width="12.375" style="1" customWidth="1"/>
    <col min="3090" max="3090" width="1.375" style="1" customWidth="1"/>
    <col min="3091" max="3091" width="3.125" style="1" customWidth="1"/>
    <col min="3092" max="3092" width="1.5" style="1" customWidth="1"/>
    <col min="3093" max="3093" width="65.25" style="1" customWidth="1"/>
    <col min="3094" max="3094" width="7.5" style="1" customWidth="1"/>
    <col min="3095" max="3098" width="0" style="1" hidden="1" customWidth="1"/>
    <col min="3099" max="3109" width="9" style="1"/>
    <col min="3110" max="3113" width="0" style="1" hidden="1" customWidth="1"/>
    <col min="3114" max="3121" width="9" style="1" customWidth="1"/>
    <col min="3122" max="3328" width="9" style="1"/>
    <col min="3329" max="3329" width="6.75" style="1" customWidth="1"/>
    <col min="3330" max="3330" width="14.375" style="1" customWidth="1"/>
    <col min="3331" max="3331" width="11" style="1" customWidth="1"/>
    <col min="3332" max="3332" width="5.5" style="1" customWidth="1"/>
    <col min="3333" max="3333" width="1.625" style="1" customWidth="1"/>
    <col min="3334" max="3334" width="6.5" style="1" customWidth="1"/>
    <col min="3335" max="3335" width="3.75" style="1" customWidth="1"/>
    <col min="3336" max="3336" width="5.25" style="1" customWidth="1"/>
    <col min="3337" max="3337" width="1.625" style="1" customWidth="1"/>
    <col min="3338" max="3338" width="9" style="1"/>
    <col min="3339" max="3339" width="4.5" style="1" customWidth="1"/>
    <col min="3340" max="3340" width="1.5" style="1" customWidth="1"/>
    <col min="3341" max="3341" width="3.5" style="1" customWidth="1"/>
    <col min="3342" max="3342" width="1.875" style="1" customWidth="1"/>
    <col min="3343" max="3344" width="3.625" style="1" customWidth="1"/>
    <col min="3345" max="3345" width="12.375" style="1" customWidth="1"/>
    <col min="3346" max="3346" width="1.375" style="1" customWidth="1"/>
    <col min="3347" max="3347" width="3.125" style="1" customWidth="1"/>
    <col min="3348" max="3348" width="1.5" style="1" customWidth="1"/>
    <col min="3349" max="3349" width="65.25" style="1" customWidth="1"/>
    <col min="3350" max="3350" width="7.5" style="1" customWidth="1"/>
    <col min="3351" max="3354" width="0" style="1" hidden="1" customWidth="1"/>
    <col min="3355" max="3365" width="9" style="1"/>
    <col min="3366" max="3369" width="0" style="1" hidden="1" customWidth="1"/>
    <col min="3370" max="3377" width="9" style="1" customWidth="1"/>
    <col min="3378" max="3584" width="9" style="1"/>
    <col min="3585" max="3585" width="6.75" style="1" customWidth="1"/>
    <col min="3586" max="3586" width="14.375" style="1" customWidth="1"/>
    <col min="3587" max="3587" width="11" style="1" customWidth="1"/>
    <col min="3588" max="3588" width="5.5" style="1" customWidth="1"/>
    <col min="3589" max="3589" width="1.625" style="1" customWidth="1"/>
    <col min="3590" max="3590" width="6.5" style="1" customWidth="1"/>
    <col min="3591" max="3591" width="3.75" style="1" customWidth="1"/>
    <col min="3592" max="3592" width="5.25" style="1" customWidth="1"/>
    <col min="3593" max="3593" width="1.625" style="1" customWidth="1"/>
    <col min="3594" max="3594" width="9" style="1"/>
    <col min="3595" max="3595" width="4.5" style="1" customWidth="1"/>
    <col min="3596" max="3596" width="1.5" style="1" customWidth="1"/>
    <col min="3597" max="3597" width="3.5" style="1" customWidth="1"/>
    <col min="3598" max="3598" width="1.875" style="1" customWidth="1"/>
    <col min="3599" max="3600" width="3.625" style="1" customWidth="1"/>
    <col min="3601" max="3601" width="12.375" style="1" customWidth="1"/>
    <col min="3602" max="3602" width="1.375" style="1" customWidth="1"/>
    <col min="3603" max="3603" width="3.125" style="1" customWidth="1"/>
    <col min="3604" max="3604" width="1.5" style="1" customWidth="1"/>
    <col min="3605" max="3605" width="65.25" style="1" customWidth="1"/>
    <col min="3606" max="3606" width="7.5" style="1" customWidth="1"/>
    <col min="3607" max="3610" width="0" style="1" hidden="1" customWidth="1"/>
    <col min="3611" max="3621" width="9" style="1"/>
    <col min="3622" max="3625" width="0" style="1" hidden="1" customWidth="1"/>
    <col min="3626" max="3633" width="9" style="1" customWidth="1"/>
    <col min="3634" max="3840" width="9" style="1"/>
    <col min="3841" max="3841" width="6.75" style="1" customWidth="1"/>
    <col min="3842" max="3842" width="14.375" style="1" customWidth="1"/>
    <col min="3843" max="3843" width="11" style="1" customWidth="1"/>
    <col min="3844" max="3844" width="5.5" style="1" customWidth="1"/>
    <col min="3845" max="3845" width="1.625" style="1" customWidth="1"/>
    <col min="3846" max="3846" width="6.5" style="1" customWidth="1"/>
    <col min="3847" max="3847" width="3.75" style="1" customWidth="1"/>
    <col min="3848" max="3848" width="5.25" style="1" customWidth="1"/>
    <col min="3849" max="3849" width="1.625" style="1" customWidth="1"/>
    <col min="3850" max="3850" width="9" style="1"/>
    <col min="3851" max="3851" width="4.5" style="1" customWidth="1"/>
    <col min="3852" max="3852" width="1.5" style="1" customWidth="1"/>
    <col min="3853" max="3853" width="3.5" style="1" customWidth="1"/>
    <col min="3854" max="3854" width="1.875" style="1" customWidth="1"/>
    <col min="3855" max="3856" width="3.625" style="1" customWidth="1"/>
    <col min="3857" max="3857" width="12.375" style="1" customWidth="1"/>
    <col min="3858" max="3858" width="1.375" style="1" customWidth="1"/>
    <col min="3859" max="3859" width="3.125" style="1" customWidth="1"/>
    <col min="3860" max="3860" width="1.5" style="1" customWidth="1"/>
    <col min="3861" max="3861" width="65.25" style="1" customWidth="1"/>
    <col min="3862" max="3862" width="7.5" style="1" customWidth="1"/>
    <col min="3863" max="3866" width="0" style="1" hidden="1" customWidth="1"/>
    <col min="3867" max="3877" width="9" style="1"/>
    <col min="3878" max="3881" width="0" style="1" hidden="1" customWidth="1"/>
    <col min="3882" max="3889" width="9" style="1" customWidth="1"/>
    <col min="3890" max="4096" width="9" style="1"/>
    <col min="4097" max="4097" width="6.75" style="1" customWidth="1"/>
    <col min="4098" max="4098" width="14.375" style="1" customWidth="1"/>
    <col min="4099" max="4099" width="11" style="1" customWidth="1"/>
    <col min="4100" max="4100" width="5.5" style="1" customWidth="1"/>
    <col min="4101" max="4101" width="1.625" style="1" customWidth="1"/>
    <col min="4102" max="4102" width="6.5" style="1" customWidth="1"/>
    <col min="4103" max="4103" width="3.75" style="1" customWidth="1"/>
    <col min="4104" max="4104" width="5.25" style="1" customWidth="1"/>
    <col min="4105" max="4105" width="1.625" style="1" customWidth="1"/>
    <col min="4106" max="4106" width="9" style="1"/>
    <col min="4107" max="4107" width="4.5" style="1" customWidth="1"/>
    <col min="4108" max="4108" width="1.5" style="1" customWidth="1"/>
    <col min="4109" max="4109" width="3.5" style="1" customWidth="1"/>
    <col min="4110" max="4110" width="1.875" style="1" customWidth="1"/>
    <col min="4111" max="4112" width="3.625" style="1" customWidth="1"/>
    <col min="4113" max="4113" width="12.375" style="1" customWidth="1"/>
    <col min="4114" max="4114" width="1.375" style="1" customWidth="1"/>
    <col min="4115" max="4115" width="3.125" style="1" customWidth="1"/>
    <col min="4116" max="4116" width="1.5" style="1" customWidth="1"/>
    <col min="4117" max="4117" width="65.25" style="1" customWidth="1"/>
    <col min="4118" max="4118" width="7.5" style="1" customWidth="1"/>
    <col min="4119" max="4122" width="0" style="1" hidden="1" customWidth="1"/>
    <col min="4123" max="4133" width="9" style="1"/>
    <col min="4134" max="4137" width="0" style="1" hidden="1" customWidth="1"/>
    <col min="4138" max="4145" width="9" style="1" customWidth="1"/>
    <col min="4146" max="4352" width="9" style="1"/>
    <col min="4353" max="4353" width="6.75" style="1" customWidth="1"/>
    <col min="4354" max="4354" width="14.375" style="1" customWidth="1"/>
    <col min="4355" max="4355" width="11" style="1" customWidth="1"/>
    <col min="4356" max="4356" width="5.5" style="1" customWidth="1"/>
    <col min="4357" max="4357" width="1.625" style="1" customWidth="1"/>
    <col min="4358" max="4358" width="6.5" style="1" customWidth="1"/>
    <col min="4359" max="4359" width="3.75" style="1" customWidth="1"/>
    <col min="4360" max="4360" width="5.25" style="1" customWidth="1"/>
    <col min="4361" max="4361" width="1.625" style="1" customWidth="1"/>
    <col min="4362" max="4362" width="9" style="1"/>
    <col min="4363" max="4363" width="4.5" style="1" customWidth="1"/>
    <col min="4364" max="4364" width="1.5" style="1" customWidth="1"/>
    <col min="4365" max="4365" width="3.5" style="1" customWidth="1"/>
    <col min="4366" max="4366" width="1.875" style="1" customWidth="1"/>
    <col min="4367" max="4368" width="3.625" style="1" customWidth="1"/>
    <col min="4369" max="4369" width="12.375" style="1" customWidth="1"/>
    <col min="4370" max="4370" width="1.375" style="1" customWidth="1"/>
    <col min="4371" max="4371" width="3.125" style="1" customWidth="1"/>
    <col min="4372" max="4372" width="1.5" style="1" customWidth="1"/>
    <col min="4373" max="4373" width="65.25" style="1" customWidth="1"/>
    <col min="4374" max="4374" width="7.5" style="1" customWidth="1"/>
    <col min="4375" max="4378" width="0" style="1" hidden="1" customWidth="1"/>
    <col min="4379" max="4389" width="9" style="1"/>
    <col min="4390" max="4393" width="0" style="1" hidden="1" customWidth="1"/>
    <col min="4394" max="4401" width="9" style="1" customWidth="1"/>
    <col min="4402" max="4608" width="9" style="1"/>
    <col min="4609" max="4609" width="6.75" style="1" customWidth="1"/>
    <col min="4610" max="4610" width="14.375" style="1" customWidth="1"/>
    <col min="4611" max="4611" width="11" style="1" customWidth="1"/>
    <col min="4612" max="4612" width="5.5" style="1" customWidth="1"/>
    <col min="4613" max="4613" width="1.625" style="1" customWidth="1"/>
    <col min="4614" max="4614" width="6.5" style="1" customWidth="1"/>
    <col min="4615" max="4615" width="3.75" style="1" customWidth="1"/>
    <col min="4616" max="4616" width="5.25" style="1" customWidth="1"/>
    <col min="4617" max="4617" width="1.625" style="1" customWidth="1"/>
    <col min="4618" max="4618" width="9" style="1"/>
    <col min="4619" max="4619" width="4.5" style="1" customWidth="1"/>
    <col min="4620" max="4620" width="1.5" style="1" customWidth="1"/>
    <col min="4621" max="4621" width="3.5" style="1" customWidth="1"/>
    <col min="4622" max="4622" width="1.875" style="1" customWidth="1"/>
    <col min="4623" max="4624" width="3.625" style="1" customWidth="1"/>
    <col min="4625" max="4625" width="12.375" style="1" customWidth="1"/>
    <col min="4626" max="4626" width="1.375" style="1" customWidth="1"/>
    <col min="4627" max="4627" width="3.125" style="1" customWidth="1"/>
    <col min="4628" max="4628" width="1.5" style="1" customWidth="1"/>
    <col min="4629" max="4629" width="65.25" style="1" customWidth="1"/>
    <col min="4630" max="4630" width="7.5" style="1" customWidth="1"/>
    <col min="4631" max="4634" width="0" style="1" hidden="1" customWidth="1"/>
    <col min="4635" max="4645" width="9" style="1"/>
    <col min="4646" max="4649" width="0" style="1" hidden="1" customWidth="1"/>
    <col min="4650" max="4657" width="9" style="1" customWidth="1"/>
    <col min="4658" max="4864" width="9" style="1"/>
    <col min="4865" max="4865" width="6.75" style="1" customWidth="1"/>
    <col min="4866" max="4866" width="14.375" style="1" customWidth="1"/>
    <col min="4867" max="4867" width="11" style="1" customWidth="1"/>
    <col min="4868" max="4868" width="5.5" style="1" customWidth="1"/>
    <col min="4869" max="4869" width="1.625" style="1" customWidth="1"/>
    <col min="4870" max="4870" width="6.5" style="1" customWidth="1"/>
    <col min="4871" max="4871" width="3.75" style="1" customWidth="1"/>
    <col min="4872" max="4872" width="5.25" style="1" customWidth="1"/>
    <col min="4873" max="4873" width="1.625" style="1" customWidth="1"/>
    <col min="4874" max="4874" width="9" style="1"/>
    <col min="4875" max="4875" width="4.5" style="1" customWidth="1"/>
    <col min="4876" max="4876" width="1.5" style="1" customWidth="1"/>
    <col min="4877" max="4877" width="3.5" style="1" customWidth="1"/>
    <col min="4878" max="4878" width="1.875" style="1" customWidth="1"/>
    <col min="4879" max="4880" width="3.625" style="1" customWidth="1"/>
    <col min="4881" max="4881" width="12.375" style="1" customWidth="1"/>
    <col min="4882" max="4882" width="1.375" style="1" customWidth="1"/>
    <col min="4883" max="4883" width="3.125" style="1" customWidth="1"/>
    <col min="4884" max="4884" width="1.5" style="1" customWidth="1"/>
    <col min="4885" max="4885" width="65.25" style="1" customWidth="1"/>
    <col min="4886" max="4886" width="7.5" style="1" customWidth="1"/>
    <col min="4887" max="4890" width="0" style="1" hidden="1" customWidth="1"/>
    <col min="4891" max="4901" width="9" style="1"/>
    <col min="4902" max="4905" width="0" style="1" hidden="1" customWidth="1"/>
    <col min="4906" max="4913" width="9" style="1" customWidth="1"/>
    <col min="4914" max="5120" width="9" style="1"/>
    <col min="5121" max="5121" width="6.75" style="1" customWidth="1"/>
    <col min="5122" max="5122" width="14.375" style="1" customWidth="1"/>
    <col min="5123" max="5123" width="11" style="1" customWidth="1"/>
    <col min="5124" max="5124" width="5.5" style="1" customWidth="1"/>
    <col min="5125" max="5125" width="1.625" style="1" customWidth="1"/>
    <col min="5126" max="5126" width="6.5" style="1" customWidth="1"/>
    <col min="5127" max="5127" width="3.75" style="1" customWidth="1"/>
    <col min="5128" max="5128" width="5.25" style="1" customWidth="1"/>
    <col min="5129" max="5129" width="1.625" style="1" customWidth="1"/>
    <col min="5130" max="5130" width="9" style="1"/>
    <col min="5131" max="5131" width="4.5" style="1" customWidth="1"/>
    <col min="5132" max="5132" width="1.5" style="1" customWidth="1"/>
    <col min="5133" max="5133" width="3.5" style="1" customWidth="1"/>
    <col min="5134" max="5134" width="1.875" style="1" customWidth="1"/>
    <col min="5135" max="5136" width="3.625" style="1" customWidth="1"/>
    <col min="5137" max="5137" width="12.375" style="1" customWidth="1"/>
    <col min="5138" max="5138" width="1.375" style="1" customWidth="1"/>
    <col min="5139" max="5139" width="3.125" style="1" customWidth="1"/>
    <col min="5140" max="5140" width="1.5" style="1" customWidth="1"/>
    <col min="5141" max="5141" width="65.25" style="1" customWidth="1"/>
    <col min="5142" max="5142" width="7.5" style="1" customWidth="1"/>
    <col min="5143" max="5146" width="0" style="1" hidden="1" customWidth="1"/>
    <col min="5147" max="5157" width="9" style="1"/>
    <col min="5158" max="5161" width="0" style="1" hidden="1" customWidth="1"/>
    <col min="5162" max="5169" width="9" style="1" customWidth="1"/>
    <col min="5170" max="5376" width="9" style="1"/>
    <col min="5377" max="5377" width="6.75" style="1" customWidth="1"/>
    <col min="5378" max="5378" width="14.375" style="1" customWidth="1"/>
    <col min="5379" max="5379" width="11" style="1" customWidth="1"/>
    <col min="5380" max="5380" width="5.5" style="1" customWidth="1"/>
    <col min="5381" max="5381" width="1.625" style="1" customWidth="1"/>
    <col min="5382" max="5382" width="6.5" style="1" customWidth="1"/>
    <col min="5383" max="5383" width="3.75" style="1" customWidth="1"/>
    <col min="5384" max="5384" width="5.25" style="1" customWidth="1"/>
    <col min="5385" max="5385" width="1.625" style="1" customWidth="1"/>
    <col min="5386" max="5386" width="9" style="1"/>
    <col min="5387" max="5387" width="4.5" style="1" customWidth="1"/>
    <col min="5388" max="5388" width="1.5" style="1" customWidth="1"/>
    <col min="5389" max="5389" width="3.5" style="1" customWidth="1"/>
    <col min="5390" max="5390" width="1.875" style="1" customWidth="1"/>
    <col min="5391" max="5392" width="3.625" style="1" customWidth="1"/>
    <col min="5393" max="5393" width="12.375" style="1" customWidth="1"/>
    <col min="5394" max="5394" width="1.375" style="1" customWidth="1"/>
    <col min="5395" max="5395" width="3.125" style="1" customWidth="1"/>
    <col min="5396" max="5396" width="1.5" style="1" customWidth="1"/>
    <col min="5397" max="5397" width="65.25" style="1" customWidth="1"/>
    <col min="5398" max="5398" width="7.5" style="1" customWidth="1"/>
    <col min="5399" max="5402" width="0" style="1" hidden="1" customWidth="1"/>
    <col min="5403" max="5413" width="9" style="1"/>
    <col min="5414" max="5417" width="0" style="1" hidden="1" customWidth="1"/>
    <col min="5418" max="5425" width="9" style="1" customWidth="1"/>
    <col min="5426" max="5632" width="9" style="1"/>
    <col min="5633" max="5633" width="6.75" style="1" customWidth="1"/>
    <col min="5634" max="5634" width="14.375" style="1" customWidth="1"/>
    <col min="5635" max="5635" width="11" style="1" customWidth="1"/>
    <col min="5636" max="5636" width="5.5" style="1" customWidth="1"/>
    <col min="5637" max="5637" width="1.625" style="1" customWidth="1"/>
    <col min="5638" max="5638" width="6.5" style="1" customWidth="1"/>
    <col min="5639" max="5639" width="3.75" style="1" customWidth="1"/>
    <col min="5640" max="5640" width="5.25" style="1" customWidth="1"/>
    <col min="5641" max="5641" width="1.625" style="1" customWidth="1"/>
    <col min="5642" max="5642" width="9" style="1"/>
    <col min="5643" max="5643" width="4.5" style="1" customWidth="1"/>
    <col min="5644" max="5644" width="1.5" style="1" customWidth="1"/>
    <col min="5645" max="5645" width="3.5" style="1" customWidth="1"/>
    <col min="5646" max="5646" width="1.875" style="1" customWidth="1"/>
    <col min="5647" max="5648" width="3.625" style="1" customWidth="1"/>
    <col min="5649" max="5649" width="12.375" style="1" customWidth="1"/>
    <col min="5650" max="5650" width="1.375" style="1" customWidth="1"/>
    <col min="5651" max="5651" width="3.125" style="1" customWidth="1"/>
    <col min="5652" max="5652" width="1.5" style="1" customWidth="1"/>
    <col min="5653" max="5653" width="65.25" style="1" customWidth="1"/>
    <col min="5654" max="5654" width="7.5" style="1" customWidth="1"/>
    <col min="5655" max="5658" width="0" style="1" hidden="1" customWidth="1"/>
    <col min="5659" max="5669" width="9" style="1"/>
    <col min="5670" max="5673" width="0" style="1" hidden="1" customWidth="1"/>
    <col min="5674" max="5681" width="9" style="1" customWidth="1"/>
    <col min="5682" max="5888" width="9" style="1"/>
    <col min="5889" max="5889" width="6.75" style="1" customWidth="1"/>
    <col min="5890" max="5890" width="14.375" style="1" customWidth="1"/>
    <col min="5891" max="5891" width="11" style="1" customWidth="1"/>
    <col min="5892" max="5892" width="5.5" style="1" customWidth="1"/>
    <col min="5893" max="5893" width="1.625" style="1" customWidth="1"/>
    <col min="5894" max="5894" width="6.5" style="1" customWidth="1"/>
    <col min="5895" max="5895" width="3.75" style="1" customWidth="1"/>
    <col min="5896" max="5896" width="5.25" style="1" customWidth="1"/>
    <col min="5897" max="5897" width="1.625" style="1" customWidth="1"/>
    <col min="5898" max="5898" width="9" style="1"/>
    <col min="5899" max="5899" width="4.5" style="1" customWidth="1"/>
    <col min="5900" max="5900" width="1.5" style="1" customWidth="1"/>
    <col min="5901" max="5901" width="3.5" style="1" customWidth="1"/>
    <col min="5902" max="5902" width="1.875" style="1" customWidth="1"/>
    <col min="5903" max="5904" width="3.625" style="1" customWidth="1"/>
    <col min="5905" max="5905" width="12.375" style="1" customWidth="1"/>
    <col min="5906" max="5906" width="1.375" style="1" customWidth="1"/>
    <col min="5907" max="5907" width="3.125" style="1" customWidth="1"/>
    <col min="5908" max="5908" width="1.5" style="1" customWidth="1"/>
    <col min="5909" max="5909" width="65.25" style="1" customWidth="1"/>
    <col min="5910" max="5910" width="7.5" style="1" customWidth="1"/>
    <col min="5911" max="5914" width="0" style="1" hidden="1" customWidth="1"/>
    <col min="5915" max="5925" width="9" style="1"/>
    <col min="5926" max="5929" width="0" style="1" hidden="1" customWidth="1"/>
    <col min="5930" max="5937" width="9" style="1" customWidth="1"/>
    <col min="5938" max="6144" width="9" style="1"/>
    <col min="6145" max="6145" width="6.75" style="1" customWidth="1"/>
    <col min="6146" max="6146" width="14.375" style="1" customWidth="1"/>
    <col min="6147" max="6147" width="11" style="1" customWidth="1"/>
    <col min="6148" max="6148" width="5.5" style="1" customWidth="1"/>
    <col min="6149" max="6149" width="1.625" style="1" customWidth="1"/>
    <col min="6150" max="6150" width="6.5" style="1" customWidth="1"/>
    <col min="6151" max="6151" width="3.75" style="1" customWidth="1"/>
    <col min="6152" max="6152" width="5.25" style="1" customWidth="1"/>
    <col min="6153" max="6153" width="1.625" style="1" customWidth="1"/>
    <col min="6154" max="6154" width="9" style="1"/>
    <col min="6155" max="6155" width="4.5" style="1" customWidth="1"/>
    <col min="6156" max="6156" width="1.5" style="1" customWidth="1"/>
    <col min="6157" max="6157" width="3.5" style="1" customWidth="1"/>
    <col min="6158" max="6158" width="1.875" style="1" customWidth="1"/>
    <col min="6159" max="6160" width="3.625" style="1" customWidth="1"/>
    <col min="6161" max="6161" width="12.375" style="1" customWidth="1"/>
    <col min="6162" max="6162" width="1.375" style="1" customWidth="1"/>
    <col min="6163" max="6163" width="3.125" style="1" customWidth="1"/>
    <col min="6164" max="6164" width="1.5" style="1" customWidth="1"/>
    <col min="6165" max="6165" width="65.25" style="1" customWidth="1"/>
    <col min="6166" max="6166" width="7.5" style="1" customWidth="1"/>
    <col min="6167" max="6170" width="0" style="1" hidden="1" customWidth="1"/>
    <col min="6171" max="6181" width="9" style="1"/>
    <col min="6182" max="6185" width="0" style="1" hidden="1" customWidth="1"/>
    <col min="6186" max="6193" width="9" style="1" customWidth="1"/>
    <col min="6194" max="6400" width="9" style="1"/>
    <col min="6401" max="6401" width="6.75" style="1" customWidth="1"/>
    <col min="6402" max="6402" width="14.375" style="1" customWidth="1"/>
    <col min="6403" max="6403" width="11" style="1" customWidth="1"/>
    <col min="6404" max="6404" width="5.5" style="1" customWidth="1"/>
    <col min="6405" max="6405" width="1.625" style="1" customWidth="1"/>
    <col min="6406" max="6406" width="6.5" style="1" customWidth="1"/>
    <col min="6407" max="6407" width="3.75" style="1" customWidth="1"/>
    <col min="6408" max="6408" width="5.25" style="1" customWidth="1"/>
    <col min="6409" max="6409" width="1.625" style="1" customWidth="1"/>
    <col min="6410" max="6410" width="9" style="1"/>
    <col min="6411" max="6411" width="4.5" style="1" customWidth="1"/>
    <col min="6412" max="6412" width="1.5" style="1" customWidth="1"/>
    <col min="6413" max="6413" width="3.5" style="1" customWidth="1"/>
    <col min="6414" max="6414" width="1.875" style="1" customWidth="1"/>
    <col min="6415" max="6416" width="3.625" style="1" customWidth="1"/>
    <col min="6417" max="6417" width="12.375" style="1" customWidth="1"/>
    <col min="6418" max="6418" width="1.375" style="1" customWidth="1"/>
    <col min="6419" max="6419" width="3.125" style="1" customWidth="1"/>
    <col min="6420" max="6420" width="1.5" style="1" customWidth="1"/>
    <col min="6421" max="6421" width="65.25" style="1" customWidth="1"/>
    <col min="6422" max="6422" width="7.5" style="1" customWidth="1"/>
    <col min="6423" max="6426" width="0" style="1" hidden="1" customWidth="1"/>
    <col min="6427" max="6437" width="9" style="1"/>
    <col min="6438" max="6441" width="0" style="1" hidden="1" customWidth="1"/>
    <col min="6442" max="6449" width="9" style="1" customWidth="1"/>
    <col min="6450" max="6656" width="9" style="1"/>
    <col min="6657" max="6657" width="6.75" style="1" customWidth="1"/>
    <col min="6658" max="6658" width="14.375" style="1" customWidth="1"/>
    <col min="6659" max="6659" width="11" style="1" customWidth="1"/>
    <col min="6660" max="6660" width="5.5" style="1" customWidth="1"/>
    <col min="6661" max="6661" width="1.625" style="1" customWidth="1"/>
    <col min="6662" max="6662" width="6.5" style="1" customWidth="1"/>
    <col min="6663" max="6663" width="3.75" style="1" customWidth="1"/>
    <col min="6664" max="6664" width="5.25" style="1" customWidth="1"/>
    <col min="6665" max="6665" width="1.625" style="1" customWidth="1"/>
    <col min="6666" max="6666" width="9" style="1"/>
    <col min="6667" max="6667" width="4.5" style="1" customWidth="1"/>
    <col min="6668" max="6668" width="1.5" style="1" customWidth="1"/>
    <col min="6669" max="6669" width="3.5" style="1" customWidth="1"/>
    <col min="6670" max="6670" width="1.875" style="1" customWidth="1"/>
    <col min="6671" max="6672" width="3.625" style="1" customWidth="1"/>
    <col min="6673" max="6673" width="12.375" style="1" customWidth="1"/>
    <col min="6674" max="6674" width="1.375" style="1" customWidth="1"/>
    <col min="6675" max="6675" width="3.125" style="1" customWidth="1"/>
    <col min="6676" max="6676" width="1.5" style="1" customWidth="1"/>
    <col min="6677" max="6677" width="65.25" style="1" customWidth="1"/>
    <col min="6678" max="6678" width="7.5" style="1" customWidth="1"/>
    <col min="6679" max="6682" width="0" style="1" hidden="1" customWidth="1"/>
    <col min="6683" max="6693" width="9" style="1"/>
    <col min="6694" max="6697" width="0" style="1" hidden="1" customWidth="1"/>
    <col min="6698" max="6705" width="9" style="1" customWidth="1"/>
    <col min="6706" max="6912" width="9" style="1"/>
    <col min="6913" max="6913" width="6.75" style="1" customWidth="1"/>
    <col min="6914" max="6914" width="14.375" style="1" customWidth="1"/>
    <col min="6915" max="6915" width="11" style="1" customWidth="1"/>
    <col min="6916" max="6916" width="5.5" style="1" customWidth="1"/>
    <col min="6917" max="6917" width="1.625" style="1" customWidth="1"/>
    <col min="6918" max="6918" width="6.5" style="1" customWidth="1"/>
    <col min="6919" max="6919" width="3.75" style="1" customWidth="1"/>
    <col min="6920" max="6920" width="5.25" style="1" customWidth="1"/>
    <col min="6921" max="6921" width="1.625" style="1" customWidth="1"/>
    <col min="6922" max="6922" width="9" style="1"/>
    <col min="6923" max="6923" width="4.5" style="1" customWidth="1"/>
    <col min="6924" max="6924" width="1.5" style="1" customWidth="1"/>
    <col min="6925" max="6925" width="3.5" style="1" customWidth="1"/>
    <col min="6926" max="6926" width="1.875" style="1" customWidth="1"/>
    <col min="6927" max="6928" width="3.625" style="1" customWidth="1"/>
    <col min="6929" max="6929" width="12.375" style="1" customWidth="1"/>
    <col min="6930" max="6930" width="1.375" style="1" customWidth="1"/>
    <col min="6931" max="6931" width="3.125" style="1" customWidth="1"/>
    <col min="6932" max="6932" width="1.5" style="1" customWidth="1"/>
    <col min="6933" max="6933" width="65.25" style="1" customWidth="1"/>
    <col min="6934" max="6934" width="7.5" style="1" customWidth="1"/>
    <col min="6935" max="6938" width="0" style="1" hidden="1" customWidth="1"/>
    <col min="6939" max="6949" width="9" style="1"/>
    <col min="6950" max="6953" width="0" style="1" hidden="1" customWidth="1"/>
    <col min="6954" max="6961" width="9" style="1" customWidth="1"/>
    <col min="6962" max="7168" width="9" style="1"/>
    <col min="7169" max="7169" width="6.75" style="1" customWidth="1"/>
    <col min="7170" max="7170" width="14.375" style="1" customWidth="1"/>
    <col min="7171" max="7171" width="11" style="1" customWidth="1"/>
    <col min="7172" max="7172" width="5.5" style="1" customWidth="1"/>
    <col min="7173" max="7173" width="1.625" style="1" customWidth="1"/>
    <col min="7174" max="7174" width="6.5" style="1" customWidth="1"/>
    <col min="7175" max="7175" width="3.75" style="1" customWidth="1"/>
    <col min="7176" max="7176" width="5.25" style="1" customWidth="1"/>
    <col min="7177" max="7177" width="1.625" style="1" customWidth="1"/>
    <col min="7178" max="7178" width="9" style="1"/>
    <col min="7179" max="7179" width="4.5" style="1" customWidth="1"/>
    <col min="7180" max="7180" width="1.5" style="1" customWidth="1"/>
    <col min="7181" max="7181" width="3.5" style="1" customWidth="1"/>
    <col min="7182" max="7182" width="1.875" style="1" customWidth="1"/>
    <col min="7183" max="7184" width="3.625" style="1" customWidth="1"/>
    <col min="7185" max="7185" width="12.375" style="1" customWidth="1"/>
    <col min="7186" max="7186" width="1.375" style="1" customWidth="1"/>
    <col min="7187" max="7187" width="3.125" style="1" customWidth="1"/>
    <col min="7188" max="7188" width="1.5" style="1" customWidth="1"/>
    <col min="7189" max="7189" width="65.25" style="1" customWidth="1"/>
    <col min="7190" max="7190" width="7.5" style="1" customWidth="1"/>
    <col min="7191" max="7194" width="0" style="1" hidden="1" customWidth="1"/>
    <col min="7195" max="7205" width="9" style="1"/>
    <col min="7206" max="7209" width="0" style="1" hidden="1" customWidth="1"/>
    <col min="7210" max="7217" width="9" style="1" customWidth="1"/>
    <col min="7218" max="7424" width="9" style="1"/>
    <col min="7425" max="7425" width="6.75" style="1" customWidth="1"/>
    <col min="7426" max="7426" width="14.375" style="1" customWidth="1"/>
    <col min="7427" max="7427" width="11" style="1" customWidth="1"/>
    <col min="7428" max="7428" width="5.5" style="1" customWidth="1"/>
    <col min="7429" max="7429" width="1.625" style="1" customWidth="1"/>
    <col min="7430" max="7430" width="6.5" style="1" customWidth="1"/>
    <col min="7431" max="7431" width="3.75" style="1" customWidth="1"/>
    <col min="7432" max="7432" width="5.25" style="1" customWidth="1"/>
    <col min="7433" max="7433" width="1.625" style="1" customWidth="1"/>
    <col min="7434" max="7434" width="9" style="1"/>
    <col min="7435" max="7435" width="4.5" style="1" customWidth="1"/>
    <col min="7436" max="7436" width="1.5" style="1" customWidth="1"/>
    <col min="7437" max="7437" width="3.5" style="1" customWidth="1"/>
    <col min="7438" max="7438" width="1.875" style="1" customWidth="1"/>
    <col min="7439" max="7440" width="3.625" style="1" customWidth="1"/>
    <col min="7441" max="7441" width="12.375" style="1" customWidth="1"/>
    <col min="7442" max="7442" width="1.375" style="1" customWidth="1"/>
    <col min="7443" max="7443" width="3.125" style="1" customWidth="1"/>
    <col min="7444" max="7444" width="1.5" style="1" customWidth="1"/>
    <col min="7445" max="7445" width="65.25" style="1" customWidth="1"/>
    <col min="7446" max="7446" width="7.5" style="1" customWidth="1"/>
    <col min="7447" max="7450" width="0" style="1" hidden="1" customWidth="1"/>
    <col min="7451" max="7461" width="9" style="1"/>
    <col min="7462" max="7465" width="0" style="1" hidden="1" customWidth="1"/>
    <col min="7466" max="7473" width="9" style="1" customWidth="1"/>
    <col min="7474" max="7680" width="9" style="1"/>
    <col min="7681" max="7681" width="6.75" style="1" customWidth="1"/>
    <col min="7682" max="7682" width="14.375" style="1" customWidth="1"/>
    <col min="7683" max="7683" width="11" style="1" customWidth="1"/>
    <col min="7684" max="7684" width="5.5" style="1" customWidth="1"/>
    <col min="7685" max="7685" width="1.625" style="1" customWidth="1"/>
    <col min="7686" max="7686" width="6.5" style="1" customWidth="1"/>
    <col min="7687" max="7687" width="3.75" style="1" customWidth="1"/>
    <col min="7688" max="7688" width="5.25" style="1" customWidth="1"/>
    <col min="7689" max="7689" width="1.625" style="1" customWidth="1"/>
    <col min="7690" max="7690" width="9" style="1"/>
    <col min="7691" max="7691" width="4.5" style="1" customWidth="1"/>
    <col min="7692" max="7692" width="1.5" style="1" customWidth="1"/>
    <col min="7693" max="7693" width="3.5" style="1" customWidth="1"/>
    <col min="7694" max="7694" width="1.875" style="1" customWidth="1"/>
    <col min="7695" max="7696" width="3.625" style="1" customWidth="1"/>
    <col min="7697" max="7697" width="12.375" style="1" customWidth="1"/>
    <col min="7698" max="7698" width="1.375" style="1" customWidth="1"/>
    <col min="7699" max="7699" width="3.125" style="1" customWidth="1"/>
    <col min="7700" max="7700" width="1.5" style="1" customWidth="1"/>
    <col min="7701" max="7701" width="65.25" style="1" customWidth="1"/>
    <col min="7702" max="7702" width="7.5" style="1" customWidth="1"/>
    <col min="7703" max="7706" width="0" style="1" hidden="1" customWidth="1"/>
    <col min="7707" max="7717" width="9" style="1"/>
    <col min="7718" max="7721" width="0" style="1" hidden="1" customWidth="1"/>
    <col min="7722" max="7729" width="9" style="1" customWidth="1"/>
    <col min="7730" max="7936" width="9" style="1"/>
    <col min="7937" max="7937" width="6.75" style="1" customWidth="1"/>
    <col min="7938" max="7938" width="14.375" style="1" customWidth="1"/>
    <col min="7939" max="7939" width="11" style="1" customWidth="1"/>
    <col min="7940" max="7940" width="5.5" style="1" customWidth="1"/>
    <col min="7941" max="7941" width="1.625" style="1" customWidth="1"/>
    <col min="7942" max="7942" width="6.5" style="1" customWidth="1"/>
    <col min="7943" max="7943" width="3.75" style="1" customWidth="1"/>
    <col min="7944" max="7944" width="5.25" style="1" customWidth="1"/>
    <col min="7945" max="7945" width="1.625" style="1" customWidth="1"/>
    <col min="7946" max="7946" width="9" style="1"/>
    <col min="7947" max="7947" width="4.5" style="1" customWidth="1"/>
    <col min="7948" max="7948" width="1.5" style="1" customWidth="1"/>
    <col min="7949" max="7949" width="3.5" style="1" customWidth="1"/>
    <col min="7950" max="7950" width="1.875" style="1" customWidth="1"/>
    <col min="7951" max="7952" width="3.625" style="1" customWidth="1"/>
    <col min="7953" max="7953" width="12.375" style="1" customWidth="1"/>
    <col min="7954" max="7954" width="1.375" style="1" customWidth="1"/>
    <col min="7955" max="7955" width="3.125" style="1" customWidth="1"/>
    <col min="7956" max="7956" width="1.5" style="1" customWidth="1"/>
    <col min="7957" max="7957" width="65.25" style="1" customWidth="1"/>
    <col min="7958" max="7958" width="7.5" style="1" customWidth="1"/>
    <col min="7959" max="7962" width="0" style="1" hidden="1" customWidth="1"/>
    <col min="7963" max="7973" width="9" style="1"/>
    <col min="7974" max="7977" width="0" style="1" hidden="1" customWidth="1"/>
    <col min="7978" max="7985" width="9" style="1" customWidth="1"/>
    <col min="7986" max="8192" width="9" style="1"/>
    <col min="8193" max="8193" width="6.75" style="1" customWidth="1"/>
    <col min="8194" max="8194" width="14.375" style="1" customWidth="1"/>
    <col min="8195" max="8195" width="11" style="1" customWidth="1"/>
    <col min="8196" max="8196" width="5.5" style="1" customWidth="1"/>
    <col min="8197" max="8197" width="1.625" style="1" customWidth="1"/>
    <col min="8198" max="8198" width="6.5" style="1" customWidth="1"/>
    <col min="8199" max="8199" width="3.75" style="1" customWidth="1"/>
    <col min="8200" max="8200" width="5.25" style="1" customWidth="1"/>
    <col min="8201" max="8201" width="1.625" style="1" customWidth="1"/>
    <col min="8202" max="8202" width="9" style="1"/>
    <col min="8203" max="8203" width="4.5" style="1" customWidth="1"/>
    <col min="8204" max="8204" width="1.5" style="1" customWidth="1"/>
    <col min="8205" max="8205" width="3.5" style="1" customWidth="1"/>
    <col min="8206" max="8206" width="1.875" style="1" customWidth="1"/>
    <col min="8207" max="8208" width="3.625" style="1" customWidth="1"/>
    <col min="8209" max="8209" width="12.375" style="1" customWidth="1"/>
    <col min="8210" max="8210" width="1.375" style="1" customWidth="1"/>
    <col min="8211" max="8211" width="3.125" style="1" customWidth="1"/>
    <col min="8212" max="8212" width="1.5" style="1" customWidth="1"/>
    <col min="8213" max="8213" width="65.25" style="1" customWidth="1"/>
    <col min="8214" max="8214" width="7.5" style="1" customWidth="1"/>
    <col min="8215" max="8218" width="0" style="1" hidden="1" customWidth="1"/>
    <col min="8219" max="8229" width="9" style="1"/>
    <col min="8230" max="8233" width="0" style="1" hidden="1" customWidth="1"/>
    <col min="8234" max="8241" width="9" style="1" customWidth="1"/>
    <col min="8242" max="8448" width="9" style="1"/>
    <col min="8449" max="8449" width="6.75" style="1" customWidth="1"/>
    <col min="8450" max="8450" width="14.375" style="1" customWidth="1"/>
    <col min="8451" max="8451" width="11" style="1" customWidth="1"/>
    <col min="8452" max="8452" width="5.5" style="1" customWidth="1"/>
    <col min="8453" max="8453" width="1.625" style="1" customWidth="1"/>
    <col min="8454" max="8454" width="6.5" style="1" customWidth="1"/>
    <col min="8455" max="8455" width="3.75" style="1" customWidth="1"/>
    <col min="8456" max="8456" width="5.25" style="1" customWidth="1"/>
    <col min="8457" max="8457" width="1.625" style="1" customWidth="1"/>
    <col min="8458" max="8458" width="9" style="1"/>
    <col min="8459" max="8459" width="4.5" style="1" customWidth="1"/>
    <col min="8460" max="8460" width="1.5" style="1" customWidth="1"/>
    <col min="8461" max="8461" width="3.5" style="1" customWidth="1"/>
    <col min="8462" max="8462" width="1.875" style="1" customWidth="1"/>
    <col min="8463" max="8464" width="3.625" style="1" customWidth="1"/>
    <col min="8465" max="8465" width="12.375" style="1" customWidth="1"/>
    <col min="8466" max="8466" width="1.375" style="1" customWidth="1"/>
    <col min="8467" max="8467" width="3.125" style="1" customWidth="1"/>
    <col min="8468" max="8468" width="1.5" style="1" customWidth="1"/>
    <col min="8469" max="8469" width="65.25" style="1" customWidth="1"/>
    <col min="8470" max="8470" width="7.5" style="1" customWidth="1"/>
    <col min="8471" max="8474" width="0" style="1" hidden="1" customWidth="1"/>
    <col min="8475" max="8485" width="9" style="1"/>
    <col min="8486" max="8489" width="0" style="1" hidden="1" customWidth="1"/>
    <col min="8490" max="8497" width="9" style="1" customWidth="1"/>
    <col min="8498" max="8704" width="9" style="1"/>
    <col min="8705" max="8705" width="6.75" style="1" customWidth="1"/>
    <col min="8706" max="8706" width="14.375" style="1" customWidth="1"/>
    <col min="8707" max="8707" width="11" style="1" customWidth="1"/>
    <col min="8708" max="8708" width="5.5" style="1" customWidth="1"/>
    <col min="8709" max="8709" width="1.625" style="1" customWidth="1"/>
    <col min="8710" max="8710" width="6.5" style="1" customWidth="1"/>
    <col min="8711" max="8711" width="3.75" style="1" customWidth="1"/>
    <col min="8712" max="8712" width="5.25" style="1" customWidth="1"/>
    <col min="8713" max="8713" width="1.625" style="1" customWidth="1"/>
    <col min="8714" max="8714" width="9" style="1"/>
    <col min="8715" max="8715" width="4.5" style="1" customWidth="1"/>
    <col min="8716" max="8716" width="1.5" style="1" customWidth="1"/>
    <col min="8717" max="8717" width="3.5" style="1" customWidth="1"/>
    <col min="8718" max="8718" width="1.875" style="1" customWidth="1"/>
    <col min="8719" max="8720" width="3.625" style="1" customWidth="1"/>
    <col min="8721" max="8721" width="12.375" style="1" customWidth="1"/>
    <col min="8722" max="8722" width="1.375" style="1" customWidth="1"/>
    <col min="8723" max="8723" width="3.125" style="1" customWidth="1"/>
    <col min="8724" max="8724" width="1.5" style="1" customWidth="1"/>
    <col min="8725" max="8725" width="65.25" style="1" customWidth="1"/>
    <col min="8726" max="8726" width="7.5" style="1" customWidth="1"/>
    <col min="8727" max="8730" width="0" style="1" hidden="1" customWidth="1"/>
    <col min="8731" max="8741" width="9" style="1"/>
    <col min="8742" max="8745" width="0" style="1" hidden="1" customWidth="1"/>
    <col min="8746" max="8753" width="9" style="1" customWidth="1"/>
    <col min="8754" max="8960" width="9" style="1"/>
    <col min="8961" max="8961" width="6.75" style="1" customWidth="1"/>
    <col min="8962" max="8962" width="14.375" style="1" customWidth="1"/>
    <col min="8963" max="8963" width="11" style="1" customWidth="1"/>
    <col min="8964" max="8964" width="5.5" style="1" customWidth="1"/>
    <col min="8965" max="8965" width="1.625" style="1" customWidth="1"/>
    <col min="8966" max="8966" width="6.5" style="1" customWidth="1"/>
    <col min="8967" max="8967" width="3.75" style="1" customWidth="1"/>
    <col min="8968" max="8968" width="5.25" style="1" customWidth="1"/>
    <col min="8969" max="8969" width="1.625" style="1" customWidth="1"/>
    <col min="8970" max="8970" width="9" style="1"/>
    <col min="8971" max="8971" width="4.5" style="1" customWidth="1"/>
    <col min="8972" max="8972" width="1.5" style="1" customWidth="1"/>
    <col min="8973" max="8973" width="3.5" style="1" customWidth="1"/>
    <col min="8974" max="8974" width="1.875" style="1" customWidth="1"/>
    <col min="8975" max="8976" width="3.625" style="1" customWidth="1"/>
    <col min="8977" max="8977" width="12.375" style="1" customWidth="1"/>
    <col min="8978" max="8978" width="1.375" style="1" customWidth="1"/>
    <col min="8979" max="8979" width="3.125" style="1" customWidth="1"/>
    <col min="8980" max="8980" width="1.5" style="1" customWidth="1"/>
    <col min="8981" max="8981" width="65.25" style="1" customWidth="1"/>
    <col min="8982" max="8982" width="7.5" style="1" customWidth="1"/>
    <col min="8983" max="8986" width="0" style="1" hidden="1" customWidth="1"/>
    <col min="8987" max="8997" width="9" style="1"/>
    <col min="8998" max="9001" width="0" style="1" hidden="1" customWidth="1"/>
    <col min="9002" max="9009" width="9" style="1" customWidth="1"/>
    <col min="9010" max="9216" width="9" style="1"/>
    <col min="9217" max="9217" width="6.75" style="1" customWidth="1"/>
    <col min="9218" max="9218" width="14.375" style="1" customWidth="1"/>
    <col min="9219" max="9219" width="11" style="1" customWidth="1"/>
    <col min="9220" max="9220" width="5.5" style="1" customWidth="1"/>
    <col min="9221" max="9221" width="1.625" style="1" customWidth="1"/>
    <col min="9222" max="9222" width="6.5" style="1" customWidth="1"/>
    <col min="9223" max="9223" width="3.75" style="1" customWidth="1"/>
    <col min="9224" max="9224" width="5.25" style="1" customWidth="1"/>
    <col min="9225" max="9225" width="1.625" style="1" customWidth="1"/>
    <col min="9226" max="9226" width="9" style="1"/>
    <col min="9227" max="9227" width="4.5" style="1" customWidth="1"/>
    <col min="9228" max="9228" width="1.5" style="1" customWidth="1"/>
    <col min="9229" max="9229" width="3.5" style="1" customWidth="1"/>
    <col min="9230" max="9230" width="1.875" style="1" customWidth="1"/>
    <col min="9231" max="9232" width="3.625" style="1" customWidth="1"/>
    <col min="9233" max="9233" width="12.375" style="1" customWidth="1"/>
    <col min="9234" max="9234" width="1.375" style="1" customWidth="1"/>
    <col min="9235" max="9235" width="3.125" style="1" customWidth="1"/>
    <col min="9236" max="9236" width="1.5" style="1" customWidth="1"/>
    <col min="9237" max="9237" width="65.25" style="1" customWidth="1"/>
    <col min="9238" max="9238" width="7.5" style="1" customWidth="1"/>
    <col min="9239" max="9242" width="0" style="1" hidden="1" customWidth="1"/>
    <col min="9243" max="9253" width="9" style="1"/>
    <col min="9254" max="9257" width="0" style="1" hidden="1" customWidth="1"/>
    <col min="9258" max="9265" width="9" style="1" customWidth="1"/>
    <col min="9266" max="9472" width="9" style="1"/>
    <col min="9473" max="9473" width="6.75" style="1" customWidth="1"/>
    <col min="9474" max="9474" width="14.375" style="1" customWidth="1"/>
    <col min="9475" max="9475" width="11" style="1" customWidth="1"/>
    <col min="9476" max="9476" width="5.5" style="1" customWidth="1"/>
    <col min="9477" max="9477" width="1.625" style="1" customWidth="1"/>
    <col min="9478" max="9478" width="6.5" style="1" customWidth="1"/>
    <col min="9479" max="9479" width="3.75" style="1" customWidth="1"/>
    <col min="9480" max="9480" width="5.25" style="1" customWidth="1"/>
    <col min="9481" max="9481" width="1.625" style="1" customWidth="1"/>
    <col min="9482" max="9482" width="9" style="1"/>
    <col min="9483" max="9483" width="4.5" style="1" customWidth="1"/>
    <col min="9484" max="9484" width="1.5" style="1" customWidth="1"/>
    <col min="9485" max="9485" width="3.5" style="1" customWidth="1"/>
    <col min="9486" max="9486" width="1.875" style="1" customWidth="1"/>
    <col min="9487" max="9488" width="3.625" style="1" customWidth="1"/>
    <col min="9489" max="9489" width="12.375" style="1" customWidth="1"/>
    <col min="9490" max="9490" width="1.375" style="1" customWidth="1"/>
    <col min="9491" max="9491" width="3.125" style="1" customWidth="1"/>
    <col min="9492" max="9492" width="1.5" style="1" customWidth="1"/>
    <col min="9493" max="9493" width="65.25" style="1" customWidth="1"/>
    <col min="9494" max="9494" width="7.5" style="1" customWidth="1"/>
    <col min="9495" max="9498" width="0" style="1" hidden="1" customWidth="1"/>
    <col min="9499" max="9509" width="9" style="1"/>
    <col min="9510" max="9513" width="0" style="1" hidden="1" customWidth="1"/>
    <col min="9514" max="9521" width="9" style="1" customWidth="1"/>
    <col min="9522" max="9728" width="9" style="1"/>
    <col min="9729" max="9729" width="6.75" style="1" customWidth="1"/>
    <col min="9730" max="9730" width="14.375" style="1" customWidth="1"/>
    <col min="9731" max="9731" width="11" style="1" customWidth="1"/>
    <col min="9732" max="9732" width="5.5" style="1" customWidth="1"/>
    <col min="9733" max="9733" width="1.625" style="1" customWidth="1"/>
    <col min="9734" max="9734" width="6.5" style="1" customWidth="1"/>
    <col min="9735" max="9735" width="3.75" style="1" customWidth="1"/>
    <col min="9736" max="9736" width="5.25" style="1" customWidth="1"/>
    <col min="9737" max="9737" width="1.625" style="1" customWidth="1"/>
    <col min="9738" max="9738" width="9" style="1"/>
    <col min="9739" max="9739" width="4.5" style="1" customWidth="1"/>
    <col min="9740" max="9740" width="1.5" style="1" customWidth="1"/>
    <col min="9741" max="9741" width="3.5" style="1" customWidth="1"/>
    <col min="9742" max="9742" width="1.875" style="1" customWidth="1"/>
    <col min="9743" max="9744" width="3.625" style="1" customWidth="1"/>
    <col min="9745" max="9745" width="12.375" style="1" customWidth="1"/>
    <col min="9746" max="9746" width="1.375" style="1" customWidth="1"/>
    <col min="9747" max="9747" width="3.125" style="1" customWidth="1"/>
    <col min="9748" max="9748" width="1.5" style="1" customWidth="1"/>
    <col min="9749" max="9749" width="65.25" style="1" customWidth="1"/>
    <col min="9750" max="9750" width="7.5" style="1" customWidth="1"/>
    <col min="9751" max="9754" width="0" style="1" hidden="1" customWidth="1"/>
    <col min="9755" max="9765" width="9" style="1"/>
    <col min="9766" max="9769" width="0" style="1" hidden="1" customWidth="1"/>
    <col min="9770" max="9777" width="9" style="1" customWidth="1"/>
    <col min="9778" max="9984" width="9" style="1"/>
    <col min="9985" max="9985" width="6.75" style="1" customWidth="1"/>
    <col min="9986" max="9986" width="14.375" style="1" customWidth="1"/>
    <col min="9987" max="9987" width="11" style="1" customWidth="1"/>
    <col min="9988" max="9988" width="5.5" style="1" customWidth="1"/>
    <col min="9989" max="9989" width="1.625" style="1" customWidth="1"/>
    <col min="9990" max="9990" width="6.5" style="1" customWidth="1"/>
    <col min="9991" max="9991" width="3.75" style="1" customWidth="1"/>
    <col min="9992" max="9992" width="5.25" style="1" customWidth="1"/>
    <col min="9993" max="9993" width="1.625" style="1" customWidth="1"/>
    <col min="9994" max="9994" width="9" style="1"/>
    <col min="9995" max="9995" width="4.5" style="1" customWidth="1"/>
    <col min="9996" max="9996" width="1.5" style="1" customWidth="1"/>
    <col min="9997" max="9997" width="3.5" style="1" customWidth="1"/>
    <col min="9998" max="9998" width="1.875" style="1" customWidth="1"/>
    <col min="9999" max="10000" width="3.625" style="1" customWidth="1"/>
    <col min="10001" max="10001" width="12.375" style="1" customWidth="1"/>
    <col min="10002" max="10002" width="1.375" style="1" customWidth="1"/>
    <col min="10003" max="10003" width="3.125" style="1" customWidth="1"/>
    <col min="10004" max="10004" width="1.5" style="1" customWidth="1"/>
    <col min="10005" max="10005" width="65.25" style="1" customWidth="1"/>
    <col min="10006" max="10006" width="7.5" style="1" customWidth="1"/>
    <col min="10007" max="10010" width="0" style="1" hidden="1" customWidth="1"/>
    <col min="10011" max="10021" width="9" style="1"/>
    <col min="10022" max="10025" width="0" style="1" hidden="1" customWidth="1"/>
    <col min="10026" max="10033" width="9" style="1" customWidth="1"/>
    <col min="10034" max="10240" width="9" style="1"/>
    <col min="10241" max="10241" width="6.75" style="1" customWidth="1"/>
    <col min="10242" max="10242" width="14.375" style="1" customWidth="1"/>
    <col min="10243" max="10243" width="11" style="1" customWidth="1"/>
    <col min="10244" max="10244" width="5.5" style="1" customWidth="1"/>
    <col min="10245" max="10245" width="1.625" style="1" customWidth="1"/>
    <col min="10246" max="10246" width="6.5" style="1" customWidth="1"/>
    <col min="10247" max="10247" width="3.75" style="1" customWidth="1"/>
    <col min="10248" max="10248" width="5.25" style="1" customWidth="1"/>
    <col min="10249" max="10249" width="1.625" style="1" customWidth="1"/>
    <col min="10250" max="10250" width="9" style="1"/>
    <col min="10251" max="10251" width="4.5" style="1" customWidth="1"/>
    <col min="10252" max="10252" width="1.5" style="1" customWidth="1"/>
    <col min="10253" max="10253" width="3.5" style="1" customWidth="1"/>
    <col min="10254" max="10254" width="1.875" style="1" customWidth="1"/>
    <col min="10255" max="10256" width="3.625" style="1" customWidth="1"/>
    <col min="10257" max="10257" width="12.375" style="1" customWidth="1"/>
    <col min="10258" max="10258" width="1.375" style="1" customWidth="1"/>
    <col min="10259" max="10259" width="3.125" style="1" customWidth="1"/>
    <col min="10260" max="10260" width="1.5" style="1" customWidth="1"/>
    <col min="10261" max="10261" width="65.25" style="1" customWidth="1"/>
    <col min="10262" max="10262" width="7.5" style="1" customWidth="1"/>
    <col min="10263" max="10266" width="0" style="1" hidden="1" customWidth="1"/>
    <col min="10267" max="10277" width="9" style="1"/>
    <col min="10278" max="10281" width="0" style="1" hidden="1" customWidth="1"/>
    <col min="10282" max="10289" width="9" style="1" customWidth="1"/>
    <col min="10290" max="10496" width="9" style="1"/>
    <col min="10497" max="10497" width="6.75" style="1" customWidth="1"/>
    <col min="10498" max="10498" width="14.375" style="1" customWidth="1"/>
    <col min="10499" max="10499" width="11" style="1" customWidth="1"/>
    <col min="10500" max="10500" width="5.5" style="1" customWidth="1"/>
    <col min="10501" max="10501" width="1.625" style="1" customWidth="1"/>
    <col min="10502" max="10502" width="6.5" style="1" customWidth="1"/>
    <col min="10503" max="10503" width="3.75" style="1" customWidth="1"/>
    <col min="10504" max="10504" width="5.25" style="1" customWidth="1"/>
    <col min="10505" max="10505" width="1.625" style="1" customWidth="1"/>
    <col min="10506" max="10506" width="9" style="1"/>
    <col min="10507" max="10507" width="4.5" style="1" customWidth="1"/>
    <col min="10508" max="10508" width="1.5" style="1" customWidth="1"/>
    <col min="10509" max="10509" width="3.5" style="1" customWidth="1"/>
    <col min="10510" max="10510" width="1.875" style="1" customWidth="1"/>
    <col min="10511" max="10512" width="3.625" style="1" customWidth="1"/>
    <col min="10513" max="10513" width="12.375" style="1" customWidth="1"/>
    <col min="10514" max="10514" width="1.375" style="1" customWidth="1"/>
    <col min="10515" max="10515" width="3.125" style="1" customWidth="1"/>
    <col min="10516" max="10516" width="1.5" style="1" customWidth="1"/>
    <col min="10517" max="10517" width="65.25" style="1" customWidth="1"/>
    <col min="10518" max="10518" width="7.5" style="1" customWidth="1"/>
    <col min="10519" max="10522" width="0" style="1" hidden="1" customWidth="1"/>
    <col min="10523" max="10533" width="9" style="1"/>
    <col min="10534" max="10537" width="0" style="1" hidden="1" customWidth="1"/>
    <col min="10538" max="10545" width="9" style="1" customWidth="1"/>
    <col min="10546" max="10752" width="9" style="1"/>
    <col min="10753" max="10753" width="6.75" style="1" customWidth="1"/>
    <col min="10754" max="10754" width="14.375" style="1" customWidth="1"/>
    <col min="10755" max="10755" width="11" style="1" customWidth="1"/>
    <col min="10756" max="10756" width="5.5" style="1" customWidth="1"/>
    <col min="10757" max="10757" width="1.625" style="1" customWidth="1"/>
    <col min="10758" max="10758" width="6.5" style="1" customWidth="1"/>
    <col min="10759" max="10759" width="3.75" style="1" customWidth="1"/>
    <col min="10760" max="10760" width="5.25" style="1" customWidth="1"/>
    <col min="10761" max="10761" width="1.625" style="1" customWidth="1"/>
    <col min="10762" max="10762" width="9" style="1"/>
    <col min="10763" max="10763" width="4.5" style="1" customWidth="1"/>
    <col min="10764" max="10764" width="1.5" style="1" customWidth="1"/>
    <col min="10765" max="10765" width="3.5" style="1" customWidth="1"/>
    <col min="10766" max="10766" width="1.875" style="1" customWidth="1"/>
    <col min="10767" max="10768" width="3.625" style="1" customWidth="1"/>
    <col min="10769" max="10769" width="12.375" style="1" customWidth="1"/>
    <col min="10770" max="10770" width="1.375" style="1" customWidth="1"/>
    <col min="10771" max="10771" width="3.125" style="1" customWidth="1"/>
    <col min="10772" max="10772" width="1.5" style="1" customWidth="1"/>
    <col min="10773" max="10773" width="65.25" style="1" customWidth="1"/>
    <col min="10774" max="10774" width="7.5" style="1" customWidth="1"/>
    <col min="10775" max="10778" width="0" style="1" hidden="1" customWidth="1"/>
    <col min="10779" max="10789" width="9" style="1"/>
    <col min="10790" max="10793" width="0" style="1" hidden="1" customWidth="1"/>
    <col min="10794" max="10801" width="9" style="1" customWidth="1"/>
    <col min="10802" max="11008" width="9" style="1"/>
    <col min="11009" max="11009" width="6.75" style="1" customWidth="1"/>
    <col min="11010" max="11010" width="14.375" style="1" customWidth="1"/>
    <col min="11011" max="11011" width="11" style="1" customWidth="1"/>
    <col min="11012" max="11012" width="5.5" style="1" customWidth="1"/>
    <col min="11013" max="11013" width="1.625" style="1" customWidth="1"/>
    <col min="11014" max="11014" width="6.5" style="1" customWidth="1"/>
    <col min="11015" max="11015" width="3.75" style="1" customWidth="1"/>
    <col min="11016" max="11016" width="5.25" style="1" customWidth="1"/>
    <col min="11017" max="11017" width="1.625" style="1" customWidth="1"/>
    <col min="11018" max="11018" width="9" style="1"/>
    <col min="11019" max="11019" width="4.5" style="1" customWidth="1"/>
    <col min="11020" max="11020" width="1.5" style="1" customWidth="1"/>
    <col min="11021" max="11021" width="3.5" style="1" customWidth="1"/>
    <col min="11022" max="11022" width="1.875" style="1" customWidth="1"/>
    <col min="11023" max="11024" width="3.625" style="1" customWidth="1"/>
    <col min="11025" max="11025" width="12.375" style="1" customWidth="1"/>
    <col min="11026" max="11026" width="1.375" style="1" customWidth="1"/>
    <col min="11027" max="11027" width="3.125" style="1" customWidth="1"/>
    <col min="11028" max="11028" width="1.5" style="1" customWidth="1"/>
    <col min="11029" max="11029" width="65.25" style="1" customWidth="1"/>
    <col min="11030" max="11030" width="7.5" style="1" customWidth="1"/>
    <col min="11031" max="11034" width="0" style="1" hidden="1" customWidth="1"/>
    <col min="11035" max="11045" width="9" style="1"/>
    <col min="11046" max="11049" width="0" style="1" hidden="1" customWidth="1"/>
    <col min="11050" max="11057" width="9" style="1" customWidth="1"/>
    <col min="11058" max="11264" width="9" style="1"/>
    <col min="11265" max="11265" width="6.75" style="1" customWidth="1"/>
    <col min="11266" max="11266" width="14.375" style="1" customWidth="1"/>
    <col min="11267" max="11267" width="11" style="1" customWidth="1"/>
    <col min="11268" max="11268" width="5.5" style="1" customWidth="1"/>
    <col min="11269" max="11269" width="1.625" style="1" customWidth="1"/>
    <col min="11270" max="11270" width="6.5" style="1" customWidth="1"/>
    <col min="11271" max="11271" width="3.75" style="1" customWidth="1"/>
    <col min="11272" max="11272" width="5.25" style="1" customWidth="1"/>
    <col min="11273" max="11273" width="1.625" style="1" customWidth="1"/>
    <col min="11274" max="11274" width="9" style="1"/>
    <col min="11275" max="11275" width="4.5" style="1" customWidth="1"/>
    <col min="11276" max="11276" width="1.5" style="1" customWidth="1"/>
    <col min="11277" max="11277" width="3.5" style="1" customWidth="1"/>
    <col min="11278" max="11278" width="1.875" style="1" customWidth="1"/>
    <col min="11279" max="11280" width="3.625" style="1" customWidth="1"/>
    <col min="11281" max="11281" width="12.375" style="1" customWidth="1"/>
    <col min="11282" max="11282" width="1.375" style="1" customWidth="1"/>
    <col min="11283" max="11283" width="3.125" style="1" customWidth="1"/>
    <col min="11284" max="11284" width="1.5" style="1" customWidth="1"/>
    <col min="11285" max="11285" width="65.25" style="1" customWidth="1"/>
    <col min="11286" max="11286" width="7.5" style="1" customWidth="1"/>
    <col min="11287" max="11290" width="0" style="1" hidden="1" customWidth="1"/>
    <col min="11291" max="11301" width="9" style="1"/>
    <col min="11302" max="11305" width="0" style="1" hidden="1" customWidth="1"/>
    <col min="11306" max="11313" width="9" style="1" customWidth="1"/>
    <col min="11314" max="11520" width="9" style="1"/>
    <col min="11521" max="11521" width="6.75" style="1" customWidth="1"/>
    <col min="11522" max="11522" width="14.375" style="1" customWidth="1"/>
    <col min="11523" max="11523" width="11" style="1" customWidth="1"/>
    <col min="11524" max="11524" width="5.5" style="1" customWidth="1"/>
    <col min="11525" max="11525" width="1.625" style="1" customWidth="1"/>
    <col min="11526" max="11526" width="6.5" style="1" customWidth="1"/>
    <col min="11527" max="11527" width="3.75" style="1" customWidth="1"/>
    <col min="11528" max="11528" width="5.25" style="1" customWidth="1"/>
    <col min="11529" max="11529" width="1.625" style="1" customWidth="1"/>
    <col min="11530" max="11530" width="9" style="1"/>
    <col min="11531" max="11531" width="4.5" style="1" customWidth="1"/>
    <col min="11532" max="11532" width="1.5" style="1" customWidth="1"/>
    <col min="11533" max="11533" width="3.5" style="1" customWidth="1"/>
    <col min="11534" max="11534" width="1.875" style="1" customWidth="1"/>
    <col min="11535" max="11536" width="3.625" style="1" customWidth="1"/>
    <col min="11537" max="11537" width="12.375" style="1" customWidth="1"/>
    <col min="11538" max="11538" width="1.375" style="1" customWidth="1"/>
    <col min="11539" max="11539" width="3.125" style="1" customWidth="1"/>
    <col min="11540" max="11540" width="1.5" style="1" customWidth="1"/>
    <col min="11541" max="11541" width="65.25" style="1" customWidth="1"/>
    <col min="11542" max="11542" width="7.5" style="1" customWidth="1"/>
    <col min="11543" max="11546" width="0" style="1" hidden="1" customWidth="1"/>
    <col min="11547" max="11557" width="9" style="1"/>
    <col min="11558" max="11561" width="0" style="1" hidden="1" customWidth="1"/>
    <col min="11562" max="11569" width="9" style="1" customWidth="1"/>
    <col min="11570" max="11776" width="9" style="1"/>
    <col min="11777" max="11777" width="6.75" style="1" customWidth="1"/>
    <col min="11778" max="11778" width="14.375" style="1" customWidth="1"/>
    <col min="11779" max="11779" width="11" style="1" customWidth="1"/>
    <col min="11780" max="11780" width="5.5" style="1" customWidth="1"/>
    <col min="11781" max="11781" width="1.625" style="1" customWidth="1"/>
    <col min="11782" max="11782" width="6.5" style="1" customWidth="1"/>
    <col min="11783" max="11783" width="3.75" style="1" customWidth="1"/>
    <col min="11784" max="11784" width="5.25" style="1" customWidth="1"/>
    <col min="11785" max="11785" width="1.625" style="1" customWidth="1"/>
    <col min="11786" max="11786" width="9" style="1"/>
    <col min="11787" max="11787" width="4.5" style="1" customWidth="1"/>
    <col min="11788" max="11788" width="1.5" style="1" customWidth="1"/>
    <col min="11789" max="11789" width="3.5" style="1" customWidth="1"/>
    <col min="11790" max="11790" width="1.875" style="1" customWidth="1"/>
    <col min="11791" max="11792" width="3.625" style="1" customWidth="1"/>
    <col min="11793" max="11793" width="12.375" style="1" customWidth="1"/>
    <col min="11794" max="11794" width="1.375" style="1" customWidth="1"/>
    <col min="11795" max="11795" width="3.125" style="1" customWidth="1"/>
    <col min="11796" max="11796" width="1.5" style="1" customWidth="1"/>
    <col min="11797" max="11797" width="65.25" style="1" customWidth="1"/>
    <col min="11798" max="11798" width="7.5" style="1" customWidth="1"/>
    <col min="11799" max="11802" width="0" style="1" hidden="1" customWidth="1"/>
    <col min="11803" max="11813" width="9" style="1"/>
    <col min="11814" max="11817" width="0" style="1" hidden="1" customWidth="1"/>
    <col min="11818" max="11825" width="9" style="1" customWidth="1"/>
    <col min="11826" max="12032" width="9" style="1"/>
    <col min="12033" max="12033" width="6.75" style="1" customWidth="1"/>
    <col min="12034" max="12034" width="14.375" style="1" customWidth="1"/>
    <col min="12035" max="12035" width="11" style="1" customWidth="1"/>
    <col min="12036" max="12036" width="5.5" style="1" customWidth="1"/>
    <col min="12037" max="12037" width="1.625" style="1" customWidth="1"/>
    <col min="12038" max="12038" width="6.5" style="1" customWidth="1"/>
    <col min="12039" max="12039" width="3.75" style="1" customWidth="1"/>
    <col min="12040" max="12040" width="5.25" style="1" customWidth="1"/>
    <col min="12041" max="12041" width="1.625" style="1" customWidth="1"/>
    <col min="12042" max="12042" width="9" style="1"/>
    <col min="12043" max="12043" width="4.5" style="1" customWidth="1"/>
    <col min="12044" max="12044" width="1.5" style="1" customWidth="1"/>
    <col min="12045" max="12045" width="3.5" style="1" customWidth="1"/>
    <col min="12046" max="12046" width="1.875" style="1" customWidth="1"/>
    <col min="12047" max="12048" width="3.625" style="1" customWidth="1"/>
    <col min="12049" max="12049" width="12.375" style="1" customWidth="1"/>
    <col min="12050" max="12050" width="1.375" style="1" customWidth="1"/>
    <col min="12051" max="12051" width="3.125" style="1" customWidth="1"/>
    <col min="12052" max="12052" width="1.5" style="1" customWidth="1"/>
    <col min="12053" max="12053" width="65.25" style="1" customWidth="1"/>
    <col min="12054" max="12054" width="7.5" style="1" customWidth="1"/>
    <col min="12055" max="12058" width="0" style="1" hidden="1" customWidth="1"/>
    <col min="12059" max="12069" width="9" style="1"/>
    <col min="12070" max="12073" width="0" style="1" hidden="1" customWidth="1"/>
    <col min="12074" max="12081" width="9" style="1" customWidth="1"/>
    <col min="12082" max="12288" width="9" style="1"/>
    <col min="12289" max="12289" width="6.75" style="1" customWidth="1"/>
    <col min="12290" max="12290" width="14.375" style="1" customWidth="1"/>
    <col min="12291" max="12291" width="11" style="1" customWidth="1"/>
    <col min="12292" max="12292" width="5.5" style="1" customWidth="1"/>
    <col min="12293" max="12293" width="1.625" style="1" customWidth="1"/>
    <col min="12294" max="12294" width="6.5" style="1" customWidth="1"/>
    <col min="12295" max="12295" width="3.75" style="1" customWidth="1"/>
    <col min="12296" max="12296" width="5.25" style="1" customWidth="1"/>
    <col min="12297" max="12297" width="1.625" style="1" customWidth="1"/>
    <col min="12298" max="12298" width="9" style="1"/>
    <col min="12299" max="12299" width="4.5" style="1" customWidth="1"/>
    <col min="12300" max="12300" width="1.5" style="1" customWidth="1"/>
    <col min="12301" max="12301" width="3.5" style="1" customWidth="1"/>
    <col min="12302" max="12302" width="1.875" style="1" customWidth="1"/>
    <col min="12303" max="12304" width="3.625" style="1" customWidth="1"/>
    <col min="12305" max="12305" width="12.375" style="1" customWidth="1"/>
    <col min="12306" max="12306" width="1.375" style="1" customWidth="1"/>
    <col min="12307" max="12307" width="3.125" style="1" customWidth="1"/>
    <col min="12308" max="12308" width="1.5" style="1" customWidth="1"/>
    <col min="12309" max="12309" width="65.25" style="1" customWidth="1"/>
    <col min="12310" max="12310" width="7.5" style="1" customWidth="1"/>
    <col min="12311" max="12314" width="0" style="1" hidden="1" customWidth="1"/>
    <col min="12315" max="12325" width="9" style="1"/>
    <col min="12326" max="12329" width="0" style="1" hidden="1" customWidth="1"/>
    <col min="12330" max="12337" width="9" style="1" customWidth="1"/>
    <col min="12338" max="12544" width="9" style="1"/>
    <col min="12545" max="12545" width="6.75" style="1" customWidth="1"/>
    <col min="12546" max="12546" width="14.375" style="1" customWidth="1"/>
    <col min="12547" max="12547" width="11" style="1" customWidth="1"/>
    <col min="12548" max="12548" width="5.5" style="1" customWidth="1"/>
    <col min="12549" max="12549" width="1.625" style="1" customWidth="1"/>
    <col min="12550" max="12550" width="6.5" style="1" customWidth="1"/>
    <col min="12551" max="12551" width="3.75" style="1" customWidth="1"/>
    <col min="12552" max="12552" width="5.25" style="1" customWidth="1"/>
    <col min="12553" max="12553" width="1.625" style="1" customWidth="1"/>
    <col min="12554" max="12554" width="9" style="1"/>
    <col min="12555" max="12555" width="4.5" style="1" customWidth="1"/>
    <col min="12556" max="12556" width="1.5" style="1" customWidth="1"/>
    <col min="12557" max="12557" width="3.5" style="1" customWidth="1"/>
    <col min="12558" max="12558" width="1.875" style="1" customWidth="1"/>
    <col min="12559" max="12560" width="3.625" style="1" customWidth="1"/>
    <col min="12561" max="12561" width="12.375" style="1" customWidth="1"/>
    <col min="12562" max="12562" width="1.375" style="1" customWidth="1"/>
    <col min="12563" max="12563" width="3.125" style="1" customWidth="1"/>
    <col min="12564" max="12564" width="1.5" style="1" customWidth="1"/>
    <col min="12565" max="12565" width="65.25" style="1" customWidth="1"/>
    <col min="12566" max="12566" width="7.5" style="1" customWidth="1"/>
    <col min="12567" max="12570" width="0" style="1" hidden="1" customWidth="1"/>
    <col min="12571" max="12581" width="9" style="1"/>
    <col min="12582" max="12585" width="0" style="1" hidden="1" customWidth="1"/>
    <col min="12586" max="12593" width="9" style="1" customWidth="1"/>
    <col min="12594" max="12800" width="9" style="1"/>
    <col min="12801" max="12801" width="6.75" style="1" customWidth="1"/>
    <col min="12802" max="12802" width="14.375" style="1" customWidth="1"/>
    <col min="12803" max="12803" width="11" style="1" customWidth="1"/>
    <col min="12804" max="12804" width="5.5" style="1" customWidth="1"/>
    <col min="12805" max="12805" width="1.625" style="1" customWidth="1"/>
    <col min="12806" max="12806" width="6.5" style="1" customWidth="1"/>
    <col min="12807" max="12807" width="3.75" style="1" customWidth="1"/>
    <col min="12808" max="12808" width="5.25" style="1" customWidth="1"/>
    <col min="12809" max="12809" width="1.625" style="1" customWidth="1"/>
    <col min="12810" max="12810" width="9" style="1"/>
    <col min="12811" max="12811" width="4.5" style="1" customWidth="1"/>
    <col min="12812" max="12812" width="1.5" style="1" customWidth="1"/>
    <col min="12813" max="12813" width="3.5" style="1" customWidth="1"/>
    <col min="12814" max="12814" width="1.875" style="1" customWidth="1"/>
    <col min="12815" max="12816" width="3.625" style="1" customWidth="1"/>
    <col min="12817" max="12817" width="12.375" style="1" customWidth="1"/>
    <col min="12818" max="12818" width="1.375" style="1" customWidth="1"/>
    <col min="12819" max="12819" width="3.125" style="1" customWidth="1"/>
    <col min="12820" max="12820" width="1.5" style="1" customWidth="1"/>
    <col min="12821" max="12821" width="65.25" style="1" customWidth="1"/>
    <col min="12822" max="12822" width="7.5" style="1" customWidth="1"/>
    <col min="12823" max="12826" width="0" style="1" hidden="1" customWidth="1"/>
    <col min="12827" max="12837" width="9" style="1"/>
    <col min="12838" max="12841" width="0" style="1" hidden="1" customWidth="1"/>
    <col min="12842" max="12849" width="9" style="1" customWidth="1"/>
    <col min="12850" max="13056" width="9" style="1"/>
    <col min="13057" max="13057" width="6.75" style="1" customWidth="1"/>
    <col min="13058" max="13058" width="14.375" style="1" customWidth="1"/>
    <col min="13059" max="13059" width="11" style="1" customWidth="1"/>
    <col min="13060" max="13060" width="5.5" style="1" customWidth="1"/>
    <col min="13061" max="13061" width="1.625" style="1" customWidth="1"/>
    <col min="13062" max="13062" width="6.5" style="1" customWidth="1"/>
    <col min="13063" max="13063" width="3.75" style="1" customWidth="1"/>
    <col min="13064" max="13064" width="5.25" style="1" customWidth="1"/>
    <col min="13065" max="13065" width="1.625" style="1" customWidth="1"/>
    <col min="13066" max="13066" width="9" style="1"/>
    <col min="13067" max="13067" width="4.5" style="1" customWidth="1"/>
    <col min="13068" max="13068" width="1.5" style="1" customWidth="1"/>
    <col min="13069" max="13069" width="3.5" style="1" customWidth="1"/>
    <col min="13070" max="13070" width="1.875" style="1" customWidth="1"/>
    <col min="13071" max="13072" width="3.625" style="1" customWidth="1"/>
    <col min="13073" max="13073" width="12.375" style="1" customWidth="1"/>
    <col min="13074" max="13074" width="1.375" style="1" customWidth="1"/>
    <col min="13075" max="13075" width="3.125" style="1" customWidth="1"/>
    <col min="13076" max="13076" width="1.5" style="1" customWidth="1"/>
    <col min="13077" max="13077" width="65.25" style="1" customWidth="1"/>
    <col min="13078" max="13078" width="7.5" style="1" customWidth="1"/>
    <col min="13079" max="13082" width="0" style="1" hidden="1" customWidth="1"/>
    <col min="13083" max="13093" width="9" style="1"/>
    <col min="13094" max="13097" width="0" style="1" hidden="1" customWidth="1"/>
    <col min="13098" max="13105" width="9" style="1" customWidth="1"/>
    <col min="13106" max="13312" width="9" style="1"/>
    <col min="13313" max="13313" width="6.75" style="1" customWidth="1"/>
    <col min="13314" max="13314" width="14.375" style="1" customWidth="1"/>
    <col min="13315" max="13315" width="11" style="1" customWidth="1"/>
    <col min="13316" max="13316" width="5.5" style="1" customWidth="1"/>
    <col min="13317" max="13317" width="1.625" style="1" customWidth="1"/>
    <col min="13318" max="13318" width="6.5" style="1" customWidth="1"/>
    <col min="13319" max="13319" width="3.75" style="1" customWidth="1"/>
    <col min="13320" max="13320" width="5.25" style="1" customWidth="1"/>
    <col min="13321" max="13321" width="1.625" style="1" customWidth="1"/>
    <col min="13322" max="13322" width="9" style="1"/>
    <col min="13323" max="13323" width="4.5" style="1" customWidth="1"/>
    <col min="13324" max="13324" width="1.5" style="1" customWidth="1"/>
    <col min="13325" max="13325" width="3.5" style="1" customWidth="1"/>
    <col min="13326" max="13326" width="1.875" style="1" customWidth="1"/>
    <col min="13327" max="13328" width="3.625" style="1" customWidth="1"/>
    <col min="13329" max="13329" width="12.375" style="1" customWidth="1"/>
    <col min="13330" max="13330" width="1.375" style="1" customWidth="1"/>
    <col min="13331" max="13331" width="3.125" style="1" customWidth="1"/>
    <col min="13332" max="13332" width="1.5" style="1" customWidth="1"/>
    <col min="13333" max="13333" width="65.25" style="1" customWidth="1"/>
    <col min="13334" max="13334" width="7.5" style="1" customWidth="1"/>
    <col min="13335" max="13338" width="0" style="1" hidden="1" customWidth="1"/>
    <col min="13339" max="13349" width="9" style="1"/>
    <col min="13350" max="13353" width="0" style="1" hidden="1" customWidth="1"/>
    <col min="13354" max="13361" width="9" style="1" customWidth="1"/>
    <col min="13362" max="13568" width="9" style="1"/>
    <col min="13569" max="13569" width="6.75" style="1" customWidth="1"/>
    <col min="13570" max="13570" width="14.375" style="1" customWidth="1"/>
    <col min="13571" max="13571" width="11" style="1" customWidth="1"/>
    <col min="13572" max="13572" width="5.5" style="1" customWidth="1"/>
    <col min="13573" max="13573" width="1.625" style="1" customWidth="1"/>
    <col min="13574" max="13574" width="6.5" style="1" customWidth="1"/>
    <col min="13575" max="13575" width="3.75" style="1" customWidth="1"/>
    <col min="13576" max="13576" width="5.25" style="1" customWidth="1"/>
    <col min="13577" max="13577" width="1.625" style="1" customWidth="1"/>
    <col min="13578" max="13578" width="9" style="1"/>
    <col min="13579" max="13579" width="4.5" style="1" customWidth="1"/>
    <col min="13580" max="13580" width="1.5" style="1" customWidth="1"/>
    <col min="13581" max="13581" width="3.5" style="1" customWidth="1"/>
    <col min="13582" max="13582" width="1.875" style="1" customWidth="1"/>
    <col min="13583" max="13584" width="3.625" style="1" customWidth="1"/>
    <col min="13585" max="13585" width="12.375" style="1" customWidth="1"/>
    <col min="13586" max="13586" width="1.375" style="1" customWidth="1"/>
    <col min="13587" max="13587" width="3.125" style="1" customWidth="1"/>
    <col min="13588" max="13588" width="1.5" style="1" customWidth="1"/>
    <col min="13589" max="13589" width="65.25" style="1" customWidth="1"/>
    <col min="13590" max="13590" width="7.5" style="1" customWidth="1"/>
    <col min="13591" max="13594" width="0" style="1" hidden="1" customWidth="1"/>
    <col min="13595" max="13605" width="9" style="1"/>
    <col min="13606" max="13609" width="0" style="1" hidden="1" customWidth="1"/>
    <col min="13610" max="13617" width="9" style="1" customWidth="1"/>
    <col min="13618" max="13824" width="9" style="1"/>
    <col min="13825" max="13825" width="6.75" style="1" customWidth="1"/>
    <col min="13826" max="13826" width="14.375" style="1" customWidth="1"/>
    <col min="13827" max="13827" width="11" style="1" customWidth="1"/>
    <col min="13828" max="13828" width="5.5" style="1" customWidth="1"/>
    <col min="13829" max="13829" width="1.625" style="1" customWidth="1"/>
    <col min="13830" max="13830" width="6.5" style="1" customWidth="1"/>
    <col min="13831" max="13831" width="3.75" style="1" customWidth="1"/>
    <col min="13832" max="13832" width="5.25" style="1" customWidth="1"/>
    <col min="13833" max="13833" width="1.625" style="1" customWidth="1"/>
    <col min="13834" max="13834" width="9" style="1"/>
    <col min="13835" max="13835" width="4.5" style="1" customWidth="1"/>
    <col min="13836" max="13836" width="1.5" style="1" customWidth="1"/>
    <col min="13837" max="13837" width="3.5" style="1" customWidth="1"/>
    <col min="13838" max="13838" width="1.875" style="1" customWidth="1"/>
    <col min="13839" max="13840" width="3.625" style="1" customWidth="1"/>
    <col min="13841" max="13841" width="12.375" style="1" customWidth="1"/>
    <col min="13842" max="13842" width="1.375" style="1" customWidth="1"/>
    <col min="13843" max="13843" width="3.125" style="1" customWidth="1"/>
    <col min="13844" max="13844" width="1.5" style="1" customWidth="1"/>
    <col min="13845" max="13845" width="65.25" style="1" customWidth="1"/>
    <col min="13846" max="13846" width="7.5" style="1" customWidth="1"/>
    <col min="13847" max="13850" width="0" style="1" hidden="1" customWidth="1"/>
    <col min="13851" max="13861" width="9" style="1"/>
    <col min="13862" max="13865" width="0" style="1" hidden="1" customWidth="1"/>
    <col min="13866" max="13873" width="9" style="1" customWidth="1"/>
    <col min="13874" max="14080" width="9" style="1"/>
    <col min="14081" max="14081" width="6.75" style="1" customWidth="1"/>
    <col min="14082" max="14082" width="14.375" style="1" customWidth="1"/>
    <col min="14083" max="14083" width="11" style="1" customWidth="1"/>
    <col min="14084" max="14084" width="5.5" style="1" customWidth="1"/>
    <col min="14085" max="14085" width="1.625" style="1" customWidth="1"/>
    <col min="14086" max="14086" width="6.5" style="1" customWidth="1"/>
    <col min="14087" max="14087" width="3.75" style="1" customWidth="1"/>
    <col min="14088" max="14088" width="5.25" style="1" customWidth="1"/>
    <col min="14089" max="14089" width="1.625" style="1" customWidth="1"/>
    <col min="14090" max="14090" width="9" style="1"/>
    <col min="14091" max="14091" width="4.5" style="1" customWidth="1"/>
    <col min="14092" max="14092" width="1.5" style="1" customWidth="1"/>
    <col min="14093" max="14093" width="3.5" style="1" customWidth="1"/>
    <col min="14094" max="14094" width="1.875" style="1" customWidth="1"/>
    <col min="14095" max="14096" width="3.625" style="1" customWidth="1"/>
    <col min="14097" max="14097" width="12.375" style="1" customWidth="1"/>
    <col min="14098" max="14098" width="1.375" style="1" customWidth="1"/>
    <col min="14099" max="14099" width="3.125" style="1" customWidth="1"/>
    <col min="14100" max="14100" width="1.5" style="1" customWidth="1"/>
    <col min="14101" max="14101" width="65.25" style="1" customWidth="1"/>
    <col min="14102" max="14102" width="7.5" style="1" customWidth="1"/>
    <col min="14103" max="14106" width="0" style="1" hidden="1" customWidth="1"/>
    <col min="14107" max="14117" width="9" style="1"/>
    <col min="14118" max="14121" width="0" style="1" hidden="1" customWidth="1"/>
    <col min="14122" max="14129" width="9" style="1" customWidth="1"/>
    <col min="14130" max="14336" width="9" style="1"/>
    <col min="14337" max="14337" width="6.75" style="1" customWidth="1"/>
    <col min="14338" max="14338" width="14.375" style="1" customWidth="1"/>
    <col min="14339" max="14339" width="11" style="1" customWidth="1"/>
    <col min="14340" max="14340" width="5.5" style="1" customWidth="1"/>
    <col min="14341" max="14341" width="1.625" style="1" customWidth="1"/>
    <col min="14342" max="14342" width="6.5" style="1" customWidth="1"/>
    <col min="14343" max="14343" width="3.75" style="1" customWidth="1"/>
    <col min="14344" max="14344" width="5.25" style="1" customWidth="1"/>
    <col min="14345" max="14345" width="1.625" style="1" customWidth="1"/>
    <col min="14346" max="14346" width="9" style="1"/>
    <col min="14347" max="14347" width="4.5" style="1" customWidth="1"/>
    <col min="14348" max="14348" width="1.5" style="1" customWidth="1"/>
    <col min="14349" max="14349" width="3.5" style="1" customWidth="1"/>
    <col min="14350" max="14350" width="1.875" style="1" customWidth="1"/>
    <col min="14351" max="14352" width="3.625" style="1" customWidth="1"/>
    <col min="14353" max="14353" width="12.375" style="1" customWidth="1"/>
    <col min="14354" max="14354" width="1.375" style="1" customWidth="1"/>
    <col min="14355" max="14355" width="3.125" style="1" customWidth="1"/>
    <col min="14356" max="14356" width="1.5" style="1" customWidth="1"/>
    <col min="14357" max="14357" width="65.25" style="1" customWidth="1"/>
    <col min="14358" max="14358" width="7.5" style="1" customWidth="1"/>
    <col min="14359" max="14362" width="0" style="1" hidden="1" customWidth="1"/>
    <col min="14363" max="14373" width="9" style="1"/>
    <col min="14374" max="14377" width="0" style="1" hidden="1" customWidth="1"/>
    <col min="14378" max="14385" width="9" style="1" customWidth="1"/>
    <col min="14386" max="14592" width="9" style="1"/>
    <col min="14593" max="14593" width="6.75" style="1" customWidth="1"/>
    <col min="14594" max="14594" width="14.375" style="1" customWidth="1"/>
    <col min="14595" max="14595" width="11" style="1" customWidth="1"/>
    <col min="14596" max="14596" width="5.5" style="1" customWidth="1"/>
    <col min="14597" max="14597" width="1.625" style="1" customWidth="1"/>
    <col min="14598" max="14598" width="6.5" style="1" customWidth="1"/>
    <col min="14599" max="14599" width="3.75" style="1" customWidth="1"/>
    <col min="14600" max="14600" width="5.25" style="1" customWidth="1"/>
    <col min="14601" max="14601" width="1.625" style="1" customWidth="1"/>
    <col min="14602" max="14602" width="9" style="1"/>
    <col min="14603" max="14603" width="4.5" style="1" customWidth="1"/>
    <col min="14604" max="14604" width="1.5" style="1" customWidth="1"/>
    <col min="14605" max="14605" width="3.5" style="1" customWidth="1"/>
    <col min="14606" max="14606" width="1.875" style="1" customWidth="1"/>
    <col min="14607" max="14608" width="3.625" style="1" customWidth="1"/>
    <col min="14609" max="14609" width="12.375" style="1" customWidth="1"/>
    <col min="14610" max="14610" width="1.375" style="1" customWidth="1"/>
    <col min="14611" max="14611" width="3.125" style="1" customWidth="1"/>
    <col min="14612" max="14612" width="1.5" style="1" customWidth="1"/>
    <col min="14613" max="14613" width="65.25" style="1" customWidth="1"/>
    <col min="14614" max="14614" width="7.5" style="1" customWidth="1"/>
    <col min="14615" max="14618" width="0" style="1" hidden="1" customWidth="1"/>
    <col min="14619" max="14629" width="9" style="1"/>
    <col min="14630" max="14633" width="0" style="1" hidden="1" customWidth="1"/>
    <col min="14634" max="14641" width="9" style="1" customWidth="1"/>
    <col min="14642" max="14848" width="9" style="1"/>
    <col min="14849" max="14849" width="6.75" style="1" customWidth="1"/>
    <col min="14850" max="14850" width="14.375" style="1" customWidth="1"/>
    <col min="14851" max="14851" width="11" style="1" customWidth="1"/>
    <col min="14852" max="14852" width="5.5" style="1" customWidth="1"/>
    <col min="14853" max="14853" width="1.625" style="1" customWidth="1"/>
    <col min="14854" max="14854" width="6.5" style="1" customWidth="1"/>
    <col min="14855" max="14855" width="3.75" style="1" customWidth="1"/>
    <col min="14856" max="14856" width="5.25" style="1" customWidth="1"/>
    <col min="14857" max="14857" width="1.625" style="1" customWidth="1"/>
    <col min="14858" max="14858" width="9" style="1"/>
    <col min="14859" max="14859" width="4.5" style="1" customWidth="1"/>
    <col min="14860" max="14860" width="1.5" style="1" customWidth="1"/>
    <col min="14861" max="14861" width="3.5" style="1" customWidth="1"/>
    <col min="14862" max="14862" width="1.875" style="1" customWidth="1"/>
    <col min="14863" max="14864" width="3.625" style="1" customWidth="1"/>
    <col min="14865" max="14865" width="12.375" style="1" customWidth="1"/>
    <col min="14866" max="14866" width="1.375" style="1" customWidth="1"/>
    <col min="14867" max="14867" width="3.125" style="1" customWidth="1"/>
    <col min="14868" max="14868" width="1.5" style="1" customWidth="1"/>
    <col min="14869" max="14869" width="65.25" style="1" customWidth="1"/>
    <col min="14870" max="14870" width="7.5" style="1" customWidth="1"/>
    <col min="14871" max="14874" width="0" style="1" hidden="1" customWidth="1"/>
    <col min="14875" max="14885" width="9" style="1"/>
    <col min="14886" max="14889" width="0" style="1" hidden="1" customWidth="1"/>
    <col min="14890" max="14897" width="9" style="1" customWidth="1"/>
    <col min="14898" max="15104" width="9" style="1"/>
    <col min="15105" max="15105" width="6.75" style="1" customWidth="1"/>
    <col min="15106" max="15106" width="14.375" style="1" customWidth="1"/>
    <col min="15107" max="15107" width="11" style="1" customWidth="1"/>
    <col min="15108" max="15108" width="5.5" style="1" customWidth="1"/>
    <col min="15109" max="15109" width="1.625" style="1" customWidth="1"/>
    <col min="15110" max="15110" width="6.5" style="1" customWidth="1"/>
    <col min="15111" max="15111" width="3.75" style="1" customWidth="1"/>
    <col min="15112" max="15112" width="5.25" style="1" customWidth="1"/>
    <col min="15113" max="15113" width="1.625" style="1" customWidth="1"/>
    <col min="15114" max="15114" width="9" style="1"/>
    <col min="15115" max="15115" width="4.5" style="1" customWidth="1"/>
    <col min="15116" max="15116" width="1.5" style="1" customWidth="1"/>
    <col min="15117" max="15117" width="3.5" style="1" customWidth="1"/>
    <col min="15118" max="15118" width="1.875" style="1" customWidth="1"/>
    <col min="15119" max="15120" width="3.625" style="1" customWidth="1"/>
    <col min="15121" max="15121" width="12.375" style="1" customWidth="1"/>
    <col min="15122" max="15122" width="1.375" style="1" customWidth="1"/>
    <col min="15123" max="15123" width="3.125" style="1" customWidth="1"/>
    <col min="15124" max="15124" width="1.5" style="1" customWidth="1"/>
    <col min="15125" max="15125" width="65.25" style="1" customWidth="1"/>
    <col min="15126" max="15126" width="7.5" style="1" customWidth="1"/>
    <col min="15127" max="15130" width="0" style="1" hidden="1" customWidth="1"/>
    <col min="15131" max="15141" width="9" style="1"/>
    <col min="15142" max="15145" width="0" style="1" hidden="1" customWidth="1"/>
    <col min="15146" max="15153" width="9" style="1" customWidth="1"/>
    <col min="15154" max="15360" width="9" style="1"/>
    <col min="15361" max="15361" width="6.75" style="1" customWidth="1"/>
    <col min="15362" max="15362" width="14.375" style="1" customWidth="1"/>
    <col min="15363" max="15363" width="11" style="1" customWidth="1"/>
    <col min="15364" max="15364" width="5.5" style="1" customWidth="1"/>
    <col min="15365" max="15365" width="1.625" style="1" customWidth="1"/>
    <col min="15366" max="15366" width="6.5" style="1" customWidth="1"/>
    <col min="15367" max="15367" width="3.75" style="1" customWidth="1"/>
    <col min="15368" max="15368" width="5.25" style="1" customWidth="1"/>
    <col min="15369" max="15369" width="1.625" style="1" customWidth="1"/>
    <col min="15370" max="15370" width="9" style="1"/>
    <col min="15371" max="15371" width="4.5" style="1" customWidth="1"/>
    <col min="15372" max="15372" width="1.5" style="1" customWidth="1"/>
    <col min="15373" max="15373" width="3.5" style="1" customWidth="1"/>
    <col min="15374" max="15374" width="1.875" style="1" customWidth="1"/>
    <col min="15375" max="15376" width="3.625" style="1" customWidth="1"/>
    <col min="15377" max="15377" width="12.375" style="1" customWidth="1"/>
    <col min="15378" max="15378" width="1.375" style="1" customWidth="1"/>
    <col min="15379" max="15379" width="3.125" style="1" customWidth="1"/>
    <col min="15380" max="15380" width="1.5" style="1" customWidth="1"/>
    <col min="15381" max="15381" width="65.25" style="1" customWidth="1"/>
    <col min="15382" max="15382" width="7.5" style="1" customWidth="1"/>
    <col min="15383" max="15386" width="0" style="1" hidden="1" customWidth="1"/>
    <col min="15387" max="15397" width="9" style="1"/>
    <col min="15398" max="15401" width="0" style="1" hidden="1" customWidth="1"/>
    <col min="15402" max="15409" width="9" style="1" customWidth="1"/>
    <col min="15410" max="15616" width="9" style="1"/>
    <col min="15617" max="15617" width="6.75" style="1" customWidth="1"/>
    <col min="15618" max="15618" width="14.375" style="1" customWidth="1"/>
    <col min="15619" max="15619" width="11" style="1" customWidth="1"/>
    <col min="15620" max="15620" width="5.5" style="1" customWidth="1"/>
    <col min="15621" max="15621" width="1.625" style="1" customWidth="1"/>
    <col min="15622" max="15622" width="6.5" style="1" customWidth="1"/>
    <col min="15623" max="15623" width="3.75" style="1" customWidth="1"/>
    <col min="15624" max="15624" width="5.25" style="1" customWidth="1"/>
    <col min="15625" max="15625" width="1.625" style="1" customWidth="1"/>
    <col min="15626" max="15626" width="9" style="1"/>
    <col min="15627" max="15627" width="4.5" style="1" customWidth="1"/>
    <col min="15628" max="15628" width="1.5" style="1" customWidth="1"/>
    <col min="15629" max="15629" width="3.5" style="1" customWidth="1"/>
    <col min="15630" max="15630" width="1.875" style="1" customWidth="1"/>
    <col min="15631" max="15632" width="3.625" style="1" customWidth="1"/>
    <col min="15633" max="15633" width="12.375" style="1" customWidth="1"/>
    <col min="15634" max="15634" width="1.375" style="1" customWidth="1"/>
    <col min="15635" max="15635" width="3.125" style="1" customWidth="1"/>
    <col min="15636" max="15636" width="1.5" style="1" customWidth="1"/>
    <col min="15637" max="15637" width="65.25" style="1" customWidth="1"/>
    <col min="15638" max="15638" width="7.5" style="1" customWidth="1"/>
    <col min="15639" max="15642" width="0" style="1" hidden="1" customWidth="1"/>
    <col min="15643" max="15653" width="9" style="1"/>
    <col min="15654" max="15657" width="0" style="1" hidden="1" customWidth="1"/>
    <col min="15658" max="15665" width="9" style="1" customWidth="1"/>
    <col min="15666" max="15872" width="9" style="1"/>
    <col min="15873" max="15873" width="6.75" style="1" customWidth="1"/>
    <col min="15874" max="15874" width="14.375" style="1" customWidth="1"/>
    <col min="15875" max="15875" width="11" style="1" customWidth="1"/>
    <col min="15876" max="15876" width="5.5" style="1" customWidth="1"/>
    <col min="15877" max="15877" width="1.625" style="1" customWidth="1"/>
    <col min="15878" max="15878" width="6.5" style="1" customWidth="1"/>
    <col min="15879" max="15879" width="3.75" style="1" customWidth="1"/>
    <col min="15880" max="15880" width="5.25" style="1" customWidth="1"/>
    <col min="15881" max="15881" width="1.625" style="1" customWidth="1"/>
    <col min="15882" max="15882" width="9" style="1"/>
    <col min="15883" max="15883" width="4.5" style="1" customWidth="1"/>
    <col min="15884" max="15884" width="1.5" style="1" customWidth="1"/>
    <col min="15885" max="15885" width="3.5" style="1" customWidth="1"/>
    <col min="15886" max="15886" width="1.875" style="1" customWidth="1"/>
    <col min="15887" max="15888" width="3.625" style="1" customWidth="1"/>
    <col min="15889" max="15889" width="12.375" style="1" customWidth="1"/>
    <col min="15890" max="15890" width="1.375" style="1" customWidth="1"/>
    <col min="15891" max="15891" width="3.125" style="1" customWidth="1"/>
    <col min="15892" max="15892" width="1.5" style="1" customWidth="1"/>
    <col min="15893" max="15893" width="65.25" style="1" customWidth="1"/>
    <col min="15894" max="15894" width="7.5" style="1" customWidth="1"/>
    <col min="15895" max="15898" width="0" style="1" hidden="1" customWidth="1"/>
    <col min="15899" max="15909" width="9" style="1"/>
    <col min="15910" max="15913" width="0" style="1" hidden="1" customWidth="1"/>
    <col min="15914" max="15921" width="9" style="1" customWidth="1"/>
    <col min="15922" max="16128" width="9" style="1"/>
    <col min="16129" max="16129" width="6.75" style="1" customWidth="1"/>
    <col min="16130" max="16130" width="14.375" style="1" customWidth="1"/>
    <col min="16131" max="16131" width="11" style="1" customWidth="1"/>
    <col min="16132" max="16132" width="5.5" style="1" customWidth="1"/>
    <col min="16133" max="16133" width="1.625" style="1" customWidth="1"/>
    <col min="16134" max="16134" width="6.5" style="1" customWidth="1"/>
    <col min="16135" max="16135" width="3.75" style="1" customWidth="1"/>
    <col min="16136" max="16136" width="5.25" style="1" customWidth="1"/>
    <col min="16137" max="16137" width="1.625" style="1" customWidth="1"/>
    <col min="16138" max="16138" width="9" style="1"/>
    <col min="16139" max="16139" width="4.5" style="1" customWidth="1"/>
    <col min="16140" max="16140" width="1.5" style="1" customWidth="1"/>
    <col min="16141" max="16141" width="3.5" style="1" customWidth="1"/>
    <col min="16142" max="16142" width="1.875" style="1" customWidth="1"/>
    <col min="16143" max="16144" width="3.625" style="1" customWidth="1"/>
    <col min="16145" max="16145" width="12.375" style="1" customWidth="1"/>
    <col min="16146" max="16146" width="1.375" style="1" customWidth="1"/>
    <col min="16147" max="16147" width="3.125" style="1" customWidth="1"/>
    <col min="16148" max="16148" width="1.5" style="1" customWidth="1"/>
    <col min="16149" max="16149" width="65.25" style="1" customWidth="1"/>
    <col min="16150" max="16150" width="7.5" style="1" customWidth="1"/>
    <col min="16151" max="16154" width="0" style="1" hidden="1" customWidth="1"/>
    <col min="16155" max="16165" width="9" style="1"/>
    <col min="16166" max="16169" width="0" style="1" hidden="1" customWidth="1"/>
    <col min="16170" max="16177" width="9" style="1" customWidth="1"/>
    <col min="16178" max="16384" width="9" style="1"/>
  </cols>
  <sheetData>
    <row r="1" spans="1:22" x14ac:dyDescent="0.15">
      <c r="Q1" s="2" t="s">
        <v>22</v>
      </c>
    </row>
    <row r="2" spans="1:22" x14ac:dyDescent="0.15">
      <c r="Q2" s="2"/>
    </row>
    <row r="3" spans="1:22" ht="17.25" x14ac:dyDescent="0.15">
      <c r="A3" s="53" t="s">
        <v>13</v>
      </c>
      <c r="B3" s="54"/>
      <c r="C3" s="54"/>
      <c r="D3" s="54"/>
      <c r="E3" s="54"/>
      <c r="F3" s="54"/>
      <c r="G3" s="54"/>
      <c r="H3" s="54"/>
      <c r="I3" s="54"/>
      <c r="J3" s="54"/>
      <c r="K3" s="54"/>
      <c r="L3" s="54"/>
      <c r="M3" s="54"/>
      <c r="N3" s="54"/>
      <c r="O3" s="54"/>
      <c r="P3" s="54"/>
      <c r="Q3" s="54"/>
      <c r="R3" s="3"/>
      <c r="S3" s="55"/>
      <c r="T3" s="55"/>
      <c r="U3" s="55"/>
      <c r="V3" s="21"/>
    </row>
    <row r="4" spans="1:22" x14ac:dyDescent="0.15">
      <c r="A4" s="4"/>
      <c r="B4" s="5"/>
      <c r="C4" s="5"/>
      <c r="D4" s="5"/>
      <c r="E4" s="5"/>
      <c r="F4" s="5"/>
      <c r="G4" s="5"/>
      <c r="H4" s="5"/>
      <c r="I4" s="5"/>
      <c r="J4" s="5"/>
      <c r="K4" s="5"/>
      <c r="L4" s="5"/>
      <c r="M4" s="5"/>
      <c r="N4" s="5"/>
      <c r="O4" s="5"/>
      <c r="P4" s="5"/>
      <c r="Q4" s="5"/>
      <c r="R4" s="3"/>
      <c r="S4" s="21"/>
      <c r="U4" s="30"/>
      <c r="V4" s="21"/>
    </row>
    <row r="7" spans="1:22" x14ac:dyDescent="0.15">
      <c r="O7" s="56" t="s">
        <v>16</v>
      </c>
      <c r="P7" s="56"/>
      <c r="Q7" s="56"/>
      <c r="R7" s="7"/>
      <c r="U7" s="29" t="s">
        <v>21</v>
      </c>
    </row>
    <row r="8" spans="1:22" x14ac:dyDescent="0.15">
      <c r="R8" s="7"/>
    </row>
    <row r="9" spans="1:22" x14ac:dyDescent="0.15">
      <c r="A9" s="1" t="s">
        <v>0</v>
      </c>
    </row>
    <row r="11" spans="1:22" x14ac:dyDescent="0.15">
      <c r="A11" s="8"/>
      <c r="B11" s="8"/>
    </row>
    <row r="13" spans="1:22" ht="20.25" customHeight="1" x14ac:dyDescent="0.15">
      <c r="B13" s="7"/>
      <c r="C13" s="37" t="s">
        <v>15</v>
      </c>
      <c r="D13" s="37"/>
      <c r="E13" s="37"/>
      <c r="F13" s="37"/>
      <c r="G13" s="35"/>
      <c r="H13" s="35"/>
      <c r="I13" s="35"/>
      <c r="J13" s="35"/>
      <c r="K13" s="35"/>
      <c r="L13" s="35"/>
      <c r="M13" s="35"/>
      <c r="N13" s="35"/>
      <c r="O13" s="35"/>
      <c r="P13" s="35"/>
      <c r="U13" s="29" t="s">
        <v>17</v>
      </c>
    </row>
    <row r="14" spans="1:22" ht="20.25" customHeight="1" x14ac:dyDescent="0.15">
      <c r="B14" s="7"/>
      <c r="C14" s="37" t="s">
        <v>10</v>
      </c>
      <c r="D14" s="37"/>
      <c r="E14" s="37"/>
      <c r="F14" s="37"/>
      <c r="G14" s="35"/>
      <c r="H14" s="35"/>
      <c r="I14" s="35"/>
      <c r="J14" s="35"/>
      <c r="K14" s="35"/>
      <c r="L14" s="35"/>
      <c r="M14" s="35"/>
      <c r="N14" s="35"/>
      <c r="O14" s="35"/>
      <c r="P14" s="35"/>
      <c r="Q14" s="3"/>
      <c r="U14" s="29" t="s">
        <v>18</v>
      </c>
    </row>
    <row r="15" spans="1:22" ht="20.25" customHeight="1" x14ac:dyDescent="0.15">
      <c r="B15" s="7"/>
      <c r="C15" s="60" t="s">
        <v>1</v>
      </c>
      <c r="D15" s="61"/>
      <c r="E15" s="61"/>
      <c r="F15" s="61"/>
      <c r="G15" s="36"/>
      <c r="H15" s="36"/>
      <c r="I15" s="36"/>
      <c r="J15" s="36"/>
      <c r="K15" s="36"/>
      <c r="L15" s="36"/>
      <c r="M15" s="36"/>
      <c r="N15" s="36"/>
      <c r="O15" s="36"/>
      <c r="P15" s="36"/>
      <c r="U15" s="29" t="s">
        <v>19</v>
      </c>
    </row>
    <row r="20" spans="1:40" ht="33.75" customHeight="1" x14ac:dyDescent="0.15">
      <c r="A20" s="38" t="s">
        <v>14</v>
      </c>
      <c r="B20" s="38"/>
      <c r="C20" s="38"/>
      <c r="D20" s="38"/>
      <c r="E20" s="38"/>
      <c r="F20" s="38"/>
      <c r="G20" s="38"/>
      <c r="H20" s="38"/>
      <c r="I20" s="38"/>
      <c r="J20" s="38"/>
      <c r="K20" s="38"/>
      <c r="L20" s="38"/>
      <c r="M20" s="38"/>
      <c r="N20" s="38"/>
      <c r="O20" s="38"/>
      <c r="P20" s="38"/>
      <c r="Q20" s="38"/>
    </row>
    <row r="21" spans="1:40" x14ac:dyDescent="0.15">
      <c r="AL21" s="9"/>
    </row>
    <row r="22" spans="1:40" x14ac:dyDescent="0.15">
      <c r="AL22" s="9"/>
    </row>
    <row r="23" spans="1:40" ht="23.25" customHeight="1" x14ac:dyDescent="0.15">
      <c r="B23" s="10" t="s">
        <v>11</v>
      </c>
      <c r="C23" s="57" t="s">
        <v>12</v>
      </c>
      <c r="D23" s="58"/>
      <c r="E23" s="58"/>
      <c r="F23" s="58"/>
      <c r="G23" s="58"/>
      <c r="H23" s="58"/>
      <c r="I23" s="58"/>
      <c r="J23" s="58"/>
      <c r="K23" s="58"/>
      <c r="L23" s="58"/>
      <c r="M23" s="58"/>
      <c r="N23" s="58"/>
      <c r="O23" s="58"/>
      <c r="P23" s="59"/>
      <c r="Q23" s="39"/>
      <c r="W23" s="52"/>
      <c r="X23" s="52"/>
      <c r="Y23" s="52"/>
      <c r="Z23" s="52"/>
    </row>
    <row r="24" spans="1:40" ht="42.75" customHeight="1" x14ac:dyDescent="0.15">
      <c r="A24" s="11"/>
      <c r="B24" s="40"/>
      <c r="C24" s="43"/>
      <c r="D24" s="44"/>
      <c r="E24" s="44"/>
      <c r="F24" s="44"/>
      <c r="G24" s="44"/>
      <c r="H24" s="44"/>
      <c r="I24" s="44"/>
      <c r="J24" s="44"/>
      <c r="K24" s="44"/>
      <c r="L24" s="44"/>
      <c r="M24" s="44"/>
      <c r="N24" s="44"/>
      <c r="O24" s="44"/>
      <c r="P24" s="45"/>
      <c r="Q24" s="39"/>
      <c r="S24" s="23"/>
      <c r="U24" s="32" t="s">
        <v>20</v>
      </c>
      <c r="W24" s="24" t="s">
        <v>2</v>
      </c>
      <c r="X24" s="24" t="str">
        <f>IF(N24="","",1)</f>
        <v/>
      </c>
      <c r="Y24" s="24">
        <f>SUM(X24)</f>
        <v>0</v>
      </c>
      <c r="Z24" s="24" t="s">
        <v>2</v>
      </c>
      <c r="AL24" s="12" t="s">
        <v>3</v>
      </c>
      <c r="AM24" s="13" t="s">
        <v>2</v>
      </c>
      <c r="AN24" s="14" t="str">
        <f>B24&amp;"："&amp;C24&amp;"・"&amp;I24&amp;"・"&amp;K24</f>
        <v>：・・</v>
      </c>
    </row>
    <row r="25" spans="1:40" ht="42.75" customHeight="1" x14ac:dyDescent="0.15">
      <c r="A25" s="15"/>
      <c r="B25" s="41"/>
      <c r="C25" s="46"/>
      <c r="D25" s="47"/>
      <c r="E25" s="47"/>
      <c r="F25" s="47"/>
      <c r="G25" s="47"/>
      <c r="H25" s="47"/>
      <c r="I25" s="47"/>
      <c r="J25" s="47"/>
      <c r="K25" s="47"/>
      <c r="L25" s="47"/>
      <c r="M25" s="47"/>
      <c r="N25" s="47"/>
      <c r="O25" s="47"/>
      <c r="P25" s="48"/>
      <c r="Q25" s="39"/>
      <c r="W25" s="25" t="s">
        <v>4</v>
      </c>
      <c r="X25" s="24" t="str">
        <f>IF(N25="","",1)</f>
        <v/>
      </c>
      <c r="Y25" s="24">
        <f>SUM(X24:X25)</f>
        <v>0</v>
      </c>
      <c r="Z25" s="25" t="s">
        <v>4</v>
      </c>
      <c r="AL25" s="12" t="s">
        <v>5</v>
      </c>
      <c r="AM25" s="13" t="s">
        <v>4</v>
      </c>
      <c r="AN25" s="14" t="str">
        <f>B25&amp;"："&amp;C25&amp;"・"&amp;I25&amp;"・"&amp;K25</f>
        <v>：・・</v>
      </c>
    </row>
    <row r="26" spans="1:40" ht="42.75" customHeight="1" x14ac:dyDescent="0.15">
      <c r="A26" s="15"/>
      <c r="B26" s="41"/>
      <c r="C26" s="46"/>
      <c r="D26" s="47"/>
      <c r="E26" s="47"/>
      <c r="F26" s="47"/>
      <c r="G26" s="47"/>
      <c r="H26" s="47"/>
      <c r="I26" s="47"/>
      <c r="J26" s="47"/>
      <c r="K26" s="47"/>
      <c r="L26" s="47"/>
      <c r="M26" s="47"/>
      <c r="N26" s="47"/>
      <c r="O26" s="47"/>
      <c r="P26" s="48"/>
      <c r="Q26" s="39"/>
      <c r="W26" s="25" t="s">
        <v>6</v>
      </c>
      <c r="X26" s="24" t="str">
        <f>IF(N26="","",1)</f>
        <v/>
      </c>
      <c r="Y26" s="24">
        <f>SUM(X24:X26)</f>
        <v>0</v>
      </c>
      <c r="Z26" s="25" t="s">
        <v>6</v>
      </c>
      <c r="AL26" s="12" t="s">
        <v>7</v>
      </c>
      <c r="AM26" s="13" t="s">
        <v>6</v>
      </c>
      <c r="AN26" s="14" t="str">
        <f>B26&amp;"："&amp;C26&amp;"・"&amp;I26&amp;"・"&amp;K26</f>
        <v>：・・</v>
      </c>
    </row>
    <row r="27" spans="1:40" ht="42.75" customHeight="1" x14ac:dyDescent="0.15">
      <c r="A27" s="15"/>
      <c r="B27" s="42"/>
      <c r="C27" s="49"/>
      <c r="D27" s="50"/>
      <c r="E27" s="50"/>
      <c r="F27" s="50"/>
      <c r="G27" s="50"/>
      <c r="H27" s="50"/>
      <c r="I27" s="50"/>
      <c r="J27" s="50"/>
      <c r="K27" s="50"/>
      <c r="L27" s="50"/>
      <c r="M27" s="50"/>
      <c r="N27" s="50"/>
      <c r="O27" s="50"/>
      <c r="P27" s="51"/>
      <c r="Q27" s="39"/>
      <c r="W27" s="25" t="s">
        <v>8</v>
      </c>
      <c r="X27" s="24" t="str">
        <f>IF(N27="","",1)</f>
        <v/>
      </c>
      <c r="Y27" s="24">
        <f>SUM(X24:X27)</f>
        <v>0</v>
      </c>
      <c r="Z27" s="25" t="s">
        <v>8</v>
      </c>
      <c r="AM27" s="16" t="s">
        <v>8</v>
      </c>
      <c r="AN27" s="14" t="str">
        <f>B27&amp;"："&amp;C27&amp;"・"&amp;I27&amp;"・"&amp;K27</f>
        <v>：・・</v>
      </c>
    </row>
    <row r="28" spans="1:40" ht="6" customHeight="1" x14ac:dyDescent="0.15">
      <c r="K28" s="37"/>
      <c r="L28" s="37"/>
      <c r="M28" s="37"/>
      <c r="N28" s="7"/>
    </row>
    <row r="29" spans="1:40" ht="11.25" customHeight="1" x14ac:dyDescent="0.15">
      <c r="B29" s="17"/>
      <c r="K29" s="37"/>
      <c r="L29" s="37"/>
      <c r="M29" s="37"/>
      <c r="N29" s="7"/>
    </row>
    <row r="30" spans="1:40" s="18" customFormat="1" ht="11.25" customHeight="1" x14ac:dyDescent="0.15">
      <c r="B30" s="19"/>
      <c r="C30" s="19"/>
      <c r="D30" s="19"/>
      <c r="E30" s="19"/>
      <c r="F30" s="19"/>
      <c r="G30" s="19"/>
      <c r="H30" s="19"/>
      <c r="I30" s="19"/>
      <c r="J30" s="19"/>
      <c r="K30" s="19"/>
      <c r="L30" s="19"/>
      <c r="M30" s="19"/>
      <c r="N30" s="19"/>
      <c r="O30" s="19"/>
      <c r="P30" s="19"/>
      <c r="S30" s="26"/>
      <c r="T30" s="27"/>
      <c r="U30" s="31"/>
      <c r="V30" s="28"/>
      <c r="W30" s="28"/>
      <c r="X30" s="28"/>
      <c r="Y30" s="28"/>
      <c r="Z30" s="28"/>
      <c r="AA30" s="28"/>
      <c r="AB30" s="28"/>
      <c r="AC30" s="28"/>
      <c r="AD30" s="28"/>
      <c r="AE30" s="28"/>
      <c r="AF30" s="28"/>
    </row>
    <row r="31" spans="1:40" ht="11.25" customHeight="1" x14ac:dyDescent="0.15">
      <c r="N31" s="6"/>
    </row>
    <row r="32" spans="1:40" ht="11.25" customHeight="1" x14ac:dyDescent="0.15"/>
    <row r="33" spans="2:16" ht="11.25" customHeight="1" x14ac:dyDescent="0.15">
      <c r="B33" s="18"/>
      <c r="C33" s="18"/>
      <c r="D33" s="18"/>
      <c r="E33" s="18"/>
      <c r="F33" s="18"/>
      <c r="G33" s="18"/>
      <c r="H33" s="18"/>
      <c r="I33" s="18"/>
      <c r="J33" s="18"/>
      <c r="K33" s="18"/>
      <c r="L33" s="18"/>
      <c r="M33" s="18"/>
      <c r="N33" s="18"/>
      <c r="O33" s="18"/>
      <c r="P33" s="18"/>
    </row>
    <row r="34" spans="2:16" ht="11.25" customHeight="1" x14ac:dyDescent="0.15">
      <c r="J34" s="33" t="s">
        <v>9</v>
      </c>
      <c r="K34" s="33"/>
      <c r="L34" s="33"/>
      <c r="M34" s="33"/>
      <c r="N34" s="33"/>
      <c r="O34" s="33"/>
      <c r="P34" s="33"/>
    </row>
    <row r="35" spans="2:16" ht="11.25" customHeight="1" x14ac:dyDescent="0.15">
      <c r="J35" s="33"/>
      <c r="K35" s="33"/>
      <c r="L35" s="33"/>
      <c r="M35" s="33"/>
      <c r="N35" s="33"/>
      <c r="O35" s="33"/>
      <c r="P35" s="33"/>
    </row>
    <row r="36" spans="2:16" ht="11.25" customHeight="1" x14ac:dyDescent="0.15">
      <c r="J36" s="34"/>
      <c r="K36" s="34"/>
      <c r="L36" s="34"/>
      <c r="M36" s="34"/>
      <c r="N36" s="34"/>
      <c r="O36" s="34"/>
      <c r="P36" s="34"/>
    </row>
    <row r="37" spans="2:16" ht="11.25" customHeight="1" x14ac:dyDescent="0.15">
      <c r="J37" s="34"/>
      <c r="K37" s="34"/>
      <c r="L37" s="34"/>
      <c r="M37" s="34"/>
      <c r="N37" s="34"/>
      <c r="O37" s="34"/>
      <c r="P37" s="34"/>
    </row>
    <row r="38" spans="2:16" ht="11.25" customHeight="1" x14ac:dyDescent="0.15">
      <c r="J38" s="34"/>
      <c r="K38" s="34"/>
      <c r="L38" s="34"/>
      <c r="M38" s="34"/>
      <c r="N38" s="34"/>
      <c r="O38" s="34"/>
      <c r="P38" s="34"/>
    </row>
    <row r="39" spans="2:16" ht="11.25" customHeight="1" x14ac:dyDescent="0.15">
      <c r="J39" s="34"/>
      <c r="K39" s="34"/>
      <c r="L39" s="34"/>
      <c r="M39" s="34"/>
      <c r="N39" s="34"/>
      <c r="O39" s="34"/>
      <c r="P39" s="34"/>
    </row>
    <row r="40" spans="2:16" ht="11.25" customHeight="1" x14ac:dyDescent="0.15">
      <c r="J40" s="34"/>
      <c r="K40" s="34"/>
      <c r="L40" s="34"/>
      <c r="M40" s="34"/>
      <c r="N40" s="34"/>
      <c r="O40" s="34"/>
      <c r="P40" s="34"/>
    </row>
    <row r="41" spans="2:16" ht="11.25" customHeight="1" x14ac:dyDescent="0.15">
      <c r="J41" s="34"/>
      <c r="K41" s="34"/>
      <c r="L41" s="34"/>
      <c r="M41" s="34"/>
      <c r="N41" s="34"/>
      <c r="O41" s="34"/>
      <c r="P41" s="34"/>
    </row>
    <row r="42" spans="2:16" ht="11.25" customHeight="1" x14ac:dyDescent="0.15">
      <c r="J42" s="34"/>
      <c r="K42" s="34"/>
      <c r="L42" s="34"/>
      <c r="M42" s="34"/>
      <c r="N42" s="34"/>
      <c r="O42" s="34"/>
      <c r="P42" s="34"/>
    </row>
    <row r="43" spans="2:16" ht="11.25" customHeight="1" x14ac:dyDescent="0.15"/>
    <row r="44" spans="2:16" ht="11.25" customHeight="1" x14ac:dyDescent="0.15"/>
    <row r="45" spans="2:16" ht="11.25" customHeight="1" x14ac:dyDescent="0.15"/>
    <row r="46" spans="2:16" ht="11.25" customHeight="1" x14ac:dyDescent="0.15"/>
    <row r="47" spans="2:16" ht="11.25" customHeight="1" x14ac:dyDescent="0.15"/>
    <row r="48" spans="2:16" ht="11.25" customHeight="1" x14ac:dyDescent="0.15"/>
    <row r="49" ht="11.25" customHeight="1" x14ac:dyDescent="0.15"/>
  </sheetData>
  <mergeCells count="19">
    <mergeCell ref="W23:Z23"/>
    <mergeCell ref="A3:Q3"/>
    <mergeCell ref="S3:U3"/>
    <mergeCell ref="O7:Q7"/>
    <mergeCell ref="C23:P23"/>
    <mergeCell ref="C15:F15"/>
    <mergeCell ref="C13:F13"/>
    <mergeCell ref="C14:F14"/>
    <mergeCell ref="J34:P35"/>
    <mergeCell ref="J36:P42"/>
    <mergeCell ref="G13:P13"/>
    <mergeCell ref="G14:P14"/>
    <mergeCell ref="G15:P15"/>
    <mergeCell ref="K28:M28"/>
    <mergeCell ref="K29:M29"/>
    <mergeCell ref="A20:Q20"/>
    <mergeCell ref="Q23:Q27"/>
    <mergeCell ref="B24:B27"/>
    <mergeCell ref="C24:P27"/>
  </mergeCells>
  <phoneticPr fontId="1"/>
  <dataValidations count="6">
    <dataValidation type="list" allowBlank="1" showInputMessage="1" showErrorMessage="1" sqref="WVV983038:WVX983041 WLZ983038:WMB983041 WCD983038:WCF983041 VSH983038:VSJ983041 VIL983038:VIN983041 UYP983038:UYR983041 UOT983038:UOV983041 UEX983038:UEZ983041 TVB983038:TVD983041 TLF983038:TLH983041 TBJ983038:TBL983041 SRN983038:SRP983041 SHR983038:SHT983041 RXV983038:RXX983041 RNZ983038:ROB983041 RED983038:REF983041 QUH983038:QUJ983041 QKL983038:QKN983041 QAP983038:QAR983041 PQT983038:PQV983041 PGX983038:PGZ983041 OXB983038:OXD983041 ONF983038:ONH983041 ODJ983038:ODL983041 NTN983038:NTP983041 NJR983038:NJT983041 MZV983038:MZX983041 MPZ983038:MQB983041 MGD983038:MGF983041 LWH983038:LWJ983041 LML983038:LMN983041 LCP983038:LCR983041 KST983038:KSV983041 KIX983038:KIZ983041 JZB983038:JZD983041 JPF983038:JPH983041 JFJ983038:JFL983041 IVN983038:IVP983041 ILR983038:ILT983041 IBV983038:IBX983041 HRZ983038:HSB983041 HID983038:HIF983041 GYH983038:GYJ983041 GOL983038:GON983041 GEP983038:GER983041 FUT983038:FUV983041 FKX983038:FKZ983041 FBB983038:FBD983041 ERF983038:ERH983041 EHJ983038:EHL983041 DXN983038:DXP983041 DNR983038:DNT983041 DDV983038:DDX983041 CTZ983038:CUB983041 CKD983038:CKF983041 CAH983038:CAJ983041 BQL983038:BQN983041 BGP983038:BGR983041 AWT983038:AWV983041 AMX983038:AMZ983041 ADB983038:ADD983041 TF983038:TH983041 JJ983038:JL983041 N983038:P983041 WVV917502:WVX917505 WLZ917502:WMB917505 WCD917502:WCF917505 VSH917502:VSJ917505 VIL917502:VIN917505 UYP917502:UYR917505 UOT917502:UOV917505 UEX917502:UEZ917505 TVB917502:TVD917505 TLF917502:TLH917505 TBJ917502:TBL917505 SRN917502:SRP917505 SHR917502:SHT917505 RXV917502:RXX917505 RNZ917502:ROB917505 RED917502:REF917505 QUH917502:QUJ917505 QKL917502:QKN917505 QAP917502:QAR917505 PQT917502:PQV917505 PGX917502:PGZ917505 OXB917502:OXD917505 ONF917502:ONH917505 ODJ917502:ODL917505 NTN917502:NTP917505 NJR917502:NJT917505 MZV917502:MZX917505 MPZ917502:MQB917505 MGD917502:MGF917505 LWH917502:LWJ917505 LML917502:LMN917505 LCP917502:LCR917505 KST917502:KSV917505 KIX917502:KIZ917505 JZB917502:JZD917505 JPF917502:JPH917505 JFJ917502:JFL917505 IVN917502:IVP917505 ILR917502:ILT917505 IBV917502:IBX917505 HRZ917502:HSB917505 HID917502:HIF917505 GYH917502:GYJ917505 GOL917502:GON917505 GEP917502:GER917505 FUT917502:FUV917505 FKX917502:FKZ917505 FBB917502:FBD917505 ERF917502:ERH917505 EHJ917502:EHL917505 DXN917502:DXP917505 DNR917502:DNT917505 DDV917502:DDX917505 CTZ917502:CUB917505 CKD917502:CKF917505 CAH917502:CAJ917505 BQL917502:BQN917505 BGP917502:BGR917505 AWT917502:AWV917505 AMX917502:AMZ917505 ADB917502:ADD917505 TF917502:TH917505 JJ917502:JL917505 N917502:P917505 WVV851966:WVX851969 WLZ851966:WMB851969 WCD851966:WCF851969 VSH851966:VSJ851969 VIL851966:VIN851969 UYP851966:UYR851969 UOT851966:UOV851969 UEX851966:UEZ851969 TVB851966:TVD851969 TLF851966:TLH851969 TBJ851966:TBL851969 SRN851966:SRP851969 SHR851966:SHT851969 RXV851966:RXX851969 RNZ851966:ROB851969 RED851966:REF851969 QUH851966:QUJ851969 QKL851966:QKN851969 QAP851966:QAR851969 PQT851966:PQV851969 PGX851966:PGZ851969 OXB851966:OXD851969 ONF851966:ONH851969 ODJ851966:ODL851969 NTN851966:NTP851969 NJR851966:NJT851969 MZV851966:MZX851969 MPZ851966:MQB851969 MGD851966:MGF851969 LWH851966:LWJ851969 LML851966:LMN851969 LCP851966:LCR851969 KST851966:KSV851969 KIX851966:KIZ851969 JZB851966:JZD851969 JPF851966:JPH851969 JFJ851966:JFL851969 IVN851966:IVP851969 ILR851966:ILT851969 IBV851966:IBX851969 HRZ851966:HSB851969 HID851966:HIF851969 GYH851966:GYJ851969 GOL851966:GON851969 GEP851966:GER851969 FUT851966:FUV851969 FKX851966:FKZ851969 FBB851966:FBD851969 ERF851966:ERH851969 EHJ851966:EHL851969 DXN851966:DXP851969 DNR851966:DNT851969 DDV851966:DDX851969 CTZ851966:CUB851969 CKD851966:CKF851969 CAH851966:CAJ851969 BQL851966:BQN851969 BGP851966:BGR851969 AWT851966:AWV851969 AMX851966:AMZ851969 ADB851966:ADD851969 TF851966:TH851969 JJ851966:JL851969 N851966:P851969 WVV786430:WVX786433 WLZ786430:WMB786433 WCD786430:WCF786433 VSH786430:VSJ786433 VIL786430:VIN786433 UYP786430:UYR786433 UOT786430:UOV786433 UEX786430:UEZ786433 TVB786430:TVD786433 TLF786430:TLH786433 TBJ786430:TBL786433 SRN786430:SRP786433 SHR786430:SHT786433 RXV786430:RXX786433 RNZ786430:ROB786433 RED786430:REF786433 QUH786430:QUJ786433 QKL786430:QKN786433 QAP786430:QAR786433 PQT786430:PQV786433 PGX786430:PGZ786433 OXB786430:OXD786433 ONF786430:ONH786433 ODJ786430:ODL786433 NTN786430:NTP786433 NJR786430:NJT786433 MZV786430:MZX786433 MPZ786430:MQB786433 MGD786430:MGF786433 LWH786430:LWJ786433 LML786430:LMN786433 LCP786430:LCR786433 KST786430:KSV786433 KIX786430:KIZ786433 JZB786430:JZD786433 JPF786430:JPH786433 JFJ786430:JFL786433 IVN786430:IVP786433 ILR786430:ILT786433 IBV786430:IBX786433 HRZ786430:HSB786433 HID786430:HIF786433 GYH786430:GYJ786433 GOL786430:GON786433 GEP786430:GER786433 FUT786430:FUV786433 FKX786430:FKZ786433 FBB786430:FBD786433 ERF786430:ERH786433 EHJ786430:EHL786433 DXN786430:DXP786433 DNR786430:DNT786433 DDV786430:DDX786433 CTZ786430:CUB786433 CKD786430:CKF786433 CAH786430:CAJ786433 BQL786430:BQN786433 BGP786430:BGR786433 AWT786430:AWV786433 AMX786430:AMZ786433 ADB786430:ADD786433 TF786430:TH786433 JJ786430:JL786433 N786430:P786433 WVV720894:WVX720897 WLZ720894:WMB720897 WCD720894:WCF720897 VSH720894:VSJ720897 VIL720894:VIN720897 UYP720894:UYR720897 UOT720894:UOV720897 UEX720894:UEZ720897 TVB720894:TVD720897 TLF720894:TLH720897 TBJ720894:TBL720897 SRN720894:SRP720897 SHR720894:SHT720897 RXV720894:RXX720897 RNZ720894:ROB720897 RED720894:REF720897 QUH720894:QUJ720897 QKL720894:QKN720897 QAP720894:QAR720897 PQT720894:PQV720897 PGX720894:PGZ720897 OXB720894:OXD720897 ONF720894:ONH720897 ODJ720894:ODL720897 NTN720894:NTP720897 NJR720894:NJT720897 MZV720894:MZX720897 MPZ720894:MQB720897 MGD720894:MGF720897 LWH720894:LWJ720897 LML720894:LMN720897 LCP720894:LCR720897 KST720894:KSV720897 KIX720894:KIZ720897 JZB720894:JZD720897 JPF720894:JPH720897 JFJ720894:JFL720897 IVN720894:IVP720897 ILR720894:ILT720897 IBV720894:IBX720897 HRZ720894:HSB720897 HID720894:HIF720897 GYH720894:GYJ720897 GOL720894:GON720897 GEP720894:GER720897 FUT720894:FUV720897 FKX720894:FKZ720897 FBB720894:FBD720897 ERF720894:ERH720897 EHJ720894:EHL720897 DXN720894:DXP720897 DNR720894:DNT720897 DDV720894:DDX720897 CTZ720894:CUB720897 CKD720894:CKF720897 CAH720894:CAJ720897 BQL720894:BQN720897 BGP720894:BGR720897 AWT720894:AWV720897 AMX720894:AMZ720897 ADB720894:ADD720897 TF720894:TH720897 JJ720894:JL720897 N720894:P720897 WVV655358:WVX655361 WLZ655358:WMB655361 WCD655358:WCF655361 VSH655358:VSJ655361 VIL655358:VIN655361 UYP655358:UYR655361 UOT655358:UOV655361 UEX655358:UEZ655361 TVB655358:TVD655361 TLF655358:TLH655361 TBJ655358:TBL655361 SRN655358:SRP655361 SHR655358:SHT655361 RXV655358:RXX655361 RNZ655358:ROB655361 RED655358:REF655361 QUH655358:QUJ655361 QKL655358:QKN655361 QAP655358:QAR655361 PQT655358:PQV655361 PGX655358:PGZ655361 OXB655358:OXD655361 ONF655358:ONH655361 ODJ655358:ODL655361 NTN655358:NTP655361 NJR655358:NJT655361 MZV655358:MZX655361 MPZ655358:MQB655361 MGD655358:MGF655361 LWH655358:LWJ655361 LML655358:LMN655361 LCP655358:LCR655361 KST655358:KSV655361 KIX655358:KIZ655361 JZB655358:JZD655361 JPF655358:JPH655361 JFJ655358:JFL655361 IVN655358:IVP655361 ILR655358:ILT655361 IBV655358:IBX655361 HRZ655358:HSB655361 HID655358:HIF655361 GYH655358:GYJ655361 GOL655358:GON655361 GEP655358:GER655361 FUT655358:FUV655361 FKX655358:FKZ655361 FBB655358:FBD655361 ERF655358:ERH655361 EHJ655358:EHL655361 DXN655358:DXP655361 DNR655358:DNT655361 DDV655358:DDX655361 CTZ655358:CUB655361 CKD655358:CKF655361 CAH655358:CAJ655361 BQL655358:BQN655361 BGP655358:BGR655361 AWT655358:AWV655361 AMX655358:AMZ655361 ADB655358:ADD655361 TF655358:TH655361 JJ655358:JL655361 N655358:P655361 WVV589822:WVX589825 WLZ589822:WMB589825 WCD589822:WCF589825 VSH589822:VSJ589825 VIL589822:VIN589825 UYP589822:UYR589825 UOT589822:UOV589825 UEX589822:UEZ589825 TVB589822:TVD589825 TLF589822:TLH589825 TBJ589822:TBL589825 SRN589822:SRP589825 SHR589822:SHT589825 RXV589822:RXX589825 RNZ589822:ROB589825 RED589822:REF589825 QUH589822:QUJ589825 QKL589822:QKN589825 QAP589822:QAR589825 PQT589822:PQV589825 PGX589822:PGZ589825 OXB589822:OXD589825 ONF589822:ONH589825 ODJ589822:ODL589825 NTN589822:NTP589825 NJR589822:NJT589825 MZV589822:MZX589825 MPZ589822:MQB589825 MGD589822:MGF589825 LWH589822:LWJ589825 LML589822:LMN589825 LCP589822:LCR589825 KST589822:KSV589825 KIX589822:KIZ589825 JZB589822:JZD589825 JPF589822:JPH589825 JFJ589822:JFL589825 IVN589822:IVP589825 ILR589822:ILT589825 IBV589822:IBX589825 HRZ589822:HSB589825 HID589822:HIF589825 GYH589822:GYJ589825 GOL589822:GON589825 GEP589822:GER589825 FUT589822:FUV589825 FKX589822:FKZ589825 FBB589822:FBD589825 ERF589822:ERH589825 EHJ589822:EHL589825 DXN589822:DXP589825 DNR589822:DNT589825 DDV589822:DDX589825 CTZ589822:CUB589825 CKD589822:CKF589825 CAH589822:CAJ589825 BQL589822:BQN589825 BGP589822:BGR589825 AWT589822:AWV589825 AMX589822:AMZ589825 ADB589822:ADD589825 TF589822:TH589825 JJ589822:JL589825 N589822:P589825 WVV524286:WVX524289 WLZ524286:WMB524289 WCD524286:WCF524289 VSH524286:VSJ524289 VIL524286:VIN524289 UYP524286:UYR524289 UOT524286:UOV524289 UEX524286:UEZ524289 TVB524286:TVD524289 TLF524286:TLH524289 TBJ524286:TBL524289 SRN524286:SRP524289 SHR524286:SHT524289 RXV524286:RXX524289 RNZ524286:ROB524289 RED524286:REF524289 QUH524286:QUJ524289 QKL524286:QKN524289 QAP524286:QAR524289 PQT524286:PQV524289 PGX524286:PGZ524289 OXB524286:OXD524289 ONF524286:ONH524289 ODJ524286:ODL524289 NTN524286:NTP524289 NJR524286:NJT524289 MZV524286:MZX524289 MPZ524286:MQB524289 MGD524286:MGF524289 LWH524286:LWJ524289 LML524286:LMN524289 LCP524286:LCR524289 KST524286:KSV524289 KIX524286:KIZ524289 JZB524286:JZD524289 JPF524286:JPH524289 JFJ524286:JFL524289 IVN524286:IVP524289 ILR524286:ILT524289 IBV524286:IBX524289 HRZ524286:HSB524289 HID524286:HIF524289 GYH524286:GYJ524289 GOL524286:GON524289 GEP524286:GER524289 FUT524286:FUV524289 FKX524286:FKZ524289 FBB524286:FBD524289 ERF524286:ERH524289 EHJ524286:EHL524289 DXN524286:DXP524289 DNR524286:DNT524289 DDV524286:DDX524289 CTZ524286:CUB524289 CKD524286:CKF524289 CAH524286:CAJ524289 BQL524286:BQN524289 BGP524286:BGR524289 AWT524286:AWV524289 AMX524286:AMZ524289 ADB524286:ADD524289 TF524286:TH524289 JJ524286:JL524289 N524286:P524289 WVV458750:WVX458753 WLZ458750:WMB458753 WCD458750:WCF458753 VSH458750:VSJ458753 VIL458750:VIN458753 UYP458750:UYR458753 UOT458750:UOV458753 UEX458750:UEZ458753 TVB458750:TVD458753 TLF458750:TLH458753 TBJ458750:TBL458753 SRN458750:SRP458753 SHR458750:SHT458753 RXV458750:RXX458753 RNZ458750:ROB458753 RED458750:REF458753 QUH458750:QUJ458753 QKL458750:QKN458753 QAP458750:QAR458753 PQT458750:PQV458753 PGX458750:PGZ458753 OXB458750:OXD458753 ONF458750:ONH458753 ODJ458750:ODL458753 NTN458750:NTP458753 NJR458750:NJT458753 MZV458750:MZX458753 MPZ458750:MQB458753 MGD458750:MGF458753 LWH458750:LWJ458753 LML458750:LMN458753 LCP458750:LCR458753 KST458750:KSV458753 KIX458750:KIZ458753 JZB458750:JZD458753 JPF458750:JPH458753 JFJ458750:JFL458753 IVN458750:IVP458753 ILR458750:ILT458753 IBV458750:IBX458753 HRZ458750:HSB458753 HID458750:HIF458753 GYH458750:GYJ458753 GOL458750:GON458753 GEP458750:GER458753 FUT458750:FUV458753 FKX458750:FKZ458753 FBB458750:FBD458753 ERF458750:ERH458753 EHJ458750:EHL458753 DXN458750:DXP458753 DNR458750:DNT458753 DDV458750:DDX458753 CTZ458750:CUB458753 CKD458750:CKF458753 CAH458750:CAJ458753 BQL458750:BQN458753 BGP458750:BGR458753 AWT458750:AWV458753 AMX458750:AMZ458753 ADB458750:ADD458753 TF458750:TH458753 JJ458750:JL458753 N458750:P458753 WVV393214:WVX393217 WLZ393214:WMB393217 WCD393214:WCF393217 VSH393214:VSJ393217 VIL393214:VIN393217 UYP393214:UYR393217 UOT393214:UOV393217 UEX393214:UEZ393217 TVB393214:TVD393217 TLF393214:TLH393217 TBJ393214:TBL393217 SRN393214:SRP393217 SHR393214:SHT393217 RXV393214:RXX393217 RNZ393214:ROB393217 RED393214:REF393217 QUH393214:QUJ393217 QKL393214:QKN393217 QAP393214:QAR393217 PQT393214:PQV393217 PGX393214:PGZ393217 OXB393214:OXD393217 ONF393214:ONH393217 ODJ393214:ODL393217 NTN393214:NTP393217 NJR393214:NJT393217 MZV393214:MZX393217 MPZ393214:MQB393217 MGD393214:MGF393217 LWH393214:LWJ393217 LML393214:LMN393217 LCP393214:LCR393217 KST393214:KSV393217 KIX393214:KIZ393217 JZB393214:JZD393217 JPF393214:JPH393217 JFJ393214:JFL393217 IVN393214:IVP393217 ILR393214:ILT393217 IBV393214:IBX393217 HRZ393214:HSB393217 HID393214:HIF393217 GYH393214:GYJ393217 GOL393214:GON393217 GEP393214:GER393217 FUT393214:FUV393217 FKX393214:FKZ393217 FBB393214:FBD393217 ERF393214:ERH393217 EHJ393214:EHL393217 DXN393214:DXP393217 DNR393214:DNT393217 DDV393214:DDX393217 CTZ393214:CUB393217 CKD393214:CKF393217 CAH393214:CAJ393217 BQL393214:BQN393217 BGP393214:BGR393217 AWT393214:AWV393217 AMX393214:AMZ393217 ADB393214:ADD393217 TF393214:TH393217 JJ393214:JL393217 N393214:P393217 WVV327678:WVX327681 WLZ327678:WMB327681 WCD327678:WCF327681 VSH327678:VSJ327681 VIL327678:VIN327681 UYP327678:UYR327681 UOT327678:UOV327681 UEX327678:UEZ327681 TVB327678:TVD327681 TLF327678:TLH327681 TBJ327678:TBL327681 SRN327678:SRP327681 SHR327678:SHT327681 RXV327678:RXX327681 RNZ327678:ROB327681 RED327678:REF327681 QUH327678:QUJ327681 QKL327678:QKN327681 QAP327678:QAR327681 PQT327678:PQV327681 PGX327678:PGZ327681 OXB327678:OXD327681 ONF327678:ONH327681 ODJ327678:ODL327681 NTN327678:NTP327681 NJR327678:NJT327681 MZV327678:MZX327681 MPZ327678:MQB327681 MGD327678:MGF327681 LWH327678:LWJ327681 LML327678:LMN327681 LCP327678:LCR327681 KST327678:KSV327681 KIX327678:KIZ327681 JZB327678:JZD327681 JPF327678:JPH327681 JFJ327678:JFL327681 IVN327678:IVP327681 ILR327678:ILT327681 IBV327678:IBX327681 HRZ327678:HSB327681 HID327678:HIF327681 GYH327678:GYJ327681 GOL327678:GON327681 GEP327678:GER327681 FUT327678:FUV327681 FKX327678:FKZ327681 FBB327678:FBD327681 ERF327678:ERH327681 EHJ327678:EHL327681 DXN327678:DXP327681 DNR327678:DNT327681 DDV327678:DDX327681 CTZ327678:CUB327681 CKD327678:CKF327681 CAH327678:CAJ327681 BQL327678:BQN327681 BGP327678:BGR327681 AWT327678:AWV327681 AMX327678:AMZ327681 ADB327678:ADD327681 TF327678:TH327681 JJ327678:JL327681 N327678:P327681 WVV262142:WVX262145 WLZ262142:WMB262145 WCD262142:WCF262145 VSH262142:VSJ262145 VIL262142:VIN262145 UYP262142:UYR262145 UOT262142:UOV262145 UEX262142:UEZ262145 TVB262142:TVD262145 TLF262142:TLH262145 TBJ262142:TBL262145 SRN262142:SRP262145 SHR262142:SHT262145 RXV262142:RXX262145 RNZ262142:ROB262145 RED262142:REF262145 QUH262142:QUJ262145 QKL262142:QKN262145 QAP262142:QAR262145 PQT262142:PQV262145 PGX262142:PGZ262145 OXB262142:OXD262145 ONF262142:ONH262145 ODJ262142:ODL262145 NTN262142:NTP262145 NJR262142:NJT262145 MZV262142:MZX262145 MPZ262142:MQB262145 MGD262142:MGF262145 LWH262142:LWJ262145 LML262142:LMN262145 LCP262142:LCR262145 KST262142:KSV262145 KIX262142:KIZ262145 JZB262142:JZD262145 JPF262142:JPH262145 JFJ262142:JFL262145 IVN262142:IVP262145 ILR262142:ILT262145 IBV262142:IBX262145 HRZ262142:HSB262145 HID262142:HIF262145 GYH262142:GYJ262145 GOL262142:GON262145 GEP262142:GER262145 FUT262142:FUV262145 FKX262142:FKZ262145 FBB262142:FBD262145 ERF262142:ERH262145 EHJ262142:EHL262145 DXN262142:DXP262145 DNR262142:DNT262145 DDV262142:DDX262145 CTZ262142:CUB262145 CKD262142:CKF262145 CAH262142:CAJ262145 BQL262142:BQN262145 BGP262142:BGR262145 AWT262142:AWV262145 AMX262142:AMZ262145 ADB262142:ADD262145 TF262142:TH262145 JJ262142:JL262145 N262142:P262145 WVV196606:WVX196609 WLZ196606:WMB196609 WCD196606:WCF196609 VSH196606:VSJ196609 VIL196606:VIN196609 UYP196606:UYR196609 UOT196606:UOV196609 UEX196606:UEZ196609 TVB196606:TVD196609 TLF196606:TLH196609 TBJ196606:TBL196609 SRN196606:SRP196609 SHR196606:SHT196609 RXV196606:RXX196609 RNZ196606:ROB196609 RED196606:REF196609 QUH196606:QUJ196609 QKL196606:QKN196609 QAP196606:QAR196609 PQT196606:PQV196609 PGX196606:PGZ196609 OXB196606:OXD196609 ONF196606:ONH196609 ODJ196606:ODL196609 NTN196606:NTP196609 NJR196606:NJT196609 MZV196606:MZX196609 MPZ196606:MQB196609 MGD196606:MGF196609 LWH196606:LWJ196609 LML196606:LMN196609 LCP196606:LCR196609 KST196606:KSV196609 KIX196606:KIZ196609 JZB196606:JZD196609 JPF196606:JPH196609 JFJ196606:JFL196609 IVN196606:IVP196609 ILR196606:ILT196609 IBV196606:IBX196609 HRZ196606:HSB196609 HID196606:HIF196609 GYH196606:GYJ196609 GOL196606:GON196609 GEP196606:GER196609 FUT196606:FUV196609 FKX196606:FKZ196609 FBB196606:FBD196609 ERF196606:ERH196609 EHJ196606:EHL196609 DXN196606:DXP196609 DNR196606:DNT196609 DDV196606:DDX196609 CTZ196606:CUB196609 CKD196606:CKF196609 CAH196606:CAJ196609 BQL196606:BQN196609 BGP196606:BGR196609 AWT196606:AWV196609 AMX196606:AMZ196609 ADB196606:ADD196609 TF196606:TH196609 JJ196606:JL196609 N196606:P196609 WVV131070:WVX131073 WLZ131070:WMB131073 WCD131070:WCF131073 VSH131070:VSJ131073 VIL131070:VIN131073 UYP131070:UYR131073 UOT131070:UOV131073 UEX131070:UEZ131073 TVB131070:TVD131073 TLF131070:TLH131073 TBJ131070:TBL131073 SRN131070:SRP131073 SHR131070:SHT131073 RXV131070:RXX131073 RNZ131070:ROB131073 RED131070:REF131073 QUH131070:QUJ131073 QKL131070:QKN131073 QAP131070:QAR131073 PQT131070:PQV131073 PGX131070:PGZ131073 OXB131070:OXD131073 ONF131070:ONH131073 ODJ131070:ODL131073 NTN131070:NTP131073 NJR131070:NJT131073 MZV131070:MZX131073 MPZ131070:MQB131073 MGD131070:MGF131073 LWH131070:LWJ131073 LML131070:LMN131073 LCP131070:LCR131073 KST131070:KSV131073 KIX131070:KIZ131073 JZB131070:JZD131073 JPF131070:JPH131073 JFJ131070:JFL131073 IVN131070:IVP131073 ILR131070:ILT131073 IBV131070:IBX131073 HRZ131070:HSB131073 HID131070:HIF131073 GYH131070:GYJ131073 GOL131070:GON131073 GEP131070:GER131073 FUT131070:FUV131073 FKX131070:FKZ131073 FBB131070:FBD131073 ERF131070:ERH131073 EHJ131070:EHL131073 DXN131070:DXP131073 DNR131070:DNT131073 DDV131070:DDX131073 CTZ131070:CUB131073 CKD131070:CKF131073 CAH131070:CAJ131073 BQL131070:BQN131073 BGP131070:BGR131073 AWT131070:AWV131073 AMX131070:AMZ131073 ADB131070:ADD131073 TF131070:TH131073 JJ131070:JL131073 N131070:P131073 WVV65534:WVX65537 WLZ65534:WMB65537 WCD65534:WCF65537 VSH65534:VSJ65537 VIL65534:VIN65537 UYP65534:UYR65537 UOT65534:UOV65537 UEX65534:UEZ65537 TVB65534:TVD65537 TLF65534:TLH65537 TBJ65534:TBL65537 SRN65534:SRP65537 SHR65534:SHT65537 RXV65534:RXX65537 RNZ65534:ROB65537 RED65534:REF65537 QUH65534:QUJ65537 QKL65534:QKN65537 QAP65534:QAR65537 PQT65534:PQV65537 PGX65534:PGZ65537 OXB65534:OXD65537 ONF65534:ONH65537 ODJ65534:ODL65537 NTN65534:NTP65537 NJR65534:NJT65537 MZV65534:MZX65537 MPZ65534:MQB65537 MGD65534:MGF65537 LWH65534:LWJ65537 LML65534:LMN65537 LCP65534:LCR65537 KST65534:KSV65537 KIX65534:KIZ65537 JZB65534:JZD65537 JPF65534:JPH65537 JFJ65534:JFL65537 IVN65534:IVP65537 ILR65534:ILT65537 IBV65534:IBX65537 HRZ65534:HSB65537 HID65534:HIF65537 GYH65534:GYJ65537 GOL65534:GON65537 GEP65534:GER65537 FUT65534:FUV65537 FKX65534:FKZ65537 FBB65534:FBD65537 ERF65534:ERH65537 EHJ65534:EHL65537 DXN65534:DXP65537 DNR65534:DNT65537 DDV65534:DDX65537 CTZ65534:CUB65537 CKD65534:CKF65537 CAH65534:CAJ65537 BQL65534:BQN65537 BGP65534:BGR65537 AWT65534:AWV65537 AMX65534:AMZ65537 ADB65534:ADD65537 TF65534:TH65537 JJ65534:JL65537 N65534:P65537 JJ24:JL27 WVV24:WVX27 WLZ24:WMB27 WCD24:WCF27 VSH24:VSJ27 VIL24:VIN27 UYP24:UYR27 UOT24:UOV27 UEX24:UEZ27 TVB24:TVD27 TLF24:TLH27 TBJ24:TBL27 SRN24:SRP27 SHR24:SHT27 RXV24:RXX27 RNZ24:ROB27 RED24:REF27 QUH24:QUJ27 QKL24:QKN27 QAP24:QAR27 PQT24:PQV27 PGX24:PGZ27 OXB24:OXD27 ONF24:ONH27 ODJ24:ODL27 NTN24:NTP27 NJR24:NJT27 MZV24:MZX27 MPZ24:MQB27 MGD24:MGF27 LWH24:LWJ27 LML24:LMN27 LCP24:LCR27 KST24:KSV27 KIX24:KIZ27 JZB24:JZD27 JPF24:JPH27 JFJ24:JFL27 IVN24:IVP27 ILR24:ILT27 IBV24:IBX27 HRZ24:HSB27 HID24:HIF27 GYH24:GYJ27 GOL24:GON27 GEP24:GER27 FUT24:FUV27 FKX24:FKZ27 FBB24:FBD27 ERF24:ERH27 EHJ24:EHL27 DXN24:DXP27 DNR24:DNT27 DDV24:DDX27 CTZ24:CUB27 CKD24:CKF27 CAH24:CAJ27 BQL24:BQN27 BGP24:BGR27 AWT24:AWV27 AMX24:AMZ27 ADB24:ADD27 TF24:TH27">
      <formula1>$AL$24:$AL$24</formula1>
    </dataValidation>
    <dataValidation type="custom" allowBlank="1" showInputMessage="1" showErrorMessage="1" errorTitle="全角英数字" error="全角英数字で入力してください" sqref="WVL983028:WVW983030 WLP983028:WMA983030 WBT983028:WCE983030 VRX983028:VSI983030 VIB983028:VIM983030 UYF983028:UYQ983030 UOJ983028:UOU983030 UEN983028:UEY983030 TUR983028:TVC983030 TKV983028:TLG983030 TAZ983028:TBK983030 SRD983028:SRO983030 SHH983028:SHS983030 RXL983028:RXW983030 RNP983028:ROA983030 RDT983028:REE983030 QTX983028:QUI983030 QKB983028:QKM983030 QAF983028:QAQ983030 PQJ983028:PQU983030 PGN983028:PGY983030 OWR983028:OXC983030 OMV983028:ONG983030 OCZ983028:ODK983030 NTD983028:NTO983030 NJH983028:NJS983030 MZL983028:MZW983030 MPP983028:MQA983030 MFT983028:MGE983030 LVX983028:LWI983030 LMB983028:LMM983030 LCF983028:LCQ983030 KSJ983028:KSU983030 KIN983028:KIY983030 JYR983028:JZC983030 JOV983028:JPG983030 JEZ983028:JFK983030 IVD983028:IVO983030 ILH983028:ILS983030 IBL983028:IBW983030 HRP983028:HSA983030 HHT983028:HIE983030 GXX983028:GYI983030 GOB983028:GOM983030 GEF983028:GEQ983030 FUJ983028:FUU983030 FKN983028:FKY983030 FAR983028:FBC983030 EQV983028:ERG983030 EGZ983028:EHK983030 DXD983028:DXO983030 DNH983028:DNS983030 DDL983028:DDW983030 CTP983028:CUA983030 CJT983028:CKE983030 BZX983028:CAI983030 BQB983028:BQM983030 BGF983028:BGQ983030 AWJ983028:AWU983030 AMN983028:AMY983030 ACR983028:ADC983030 SV983028:TG983030 IZ983028:JK983030 D983028:O983030 WVL917492:WVW917494 WLP917492:WMA917494 WBT917492:WCE917494 VRX917492:VSI917494 VIB917492:VIM917494 UYF917492:UYQ917494 UOJ917492:UOU917494 UEN917492:UEY917494 TUR917492:TVC917494 TKV917492:TLG917494 TAZ917492:TBK917494 SRD917492:SRO917494 SHH917492:SHS917494 RXL917492:RXW917494 RNP917492:ROA917494 RDT917492:REE917494 QTX917492:QUI917494 QKB917492:QKM917494 QAF917492:QAQ917494 PQJ917492:PQU917494 PGN917492:PGY917494 OWR917492:OXC917494 OMV917492:ONG917494 OCZ917492:ODK917494 NTD917492:NTO917494 NJH917492:NJS917494 MZL917492:MZW917494 MPP917492:MQA917494 MFT917492:MGE917494 LVX917492:LWI917494 LMB917492:LMM917494 LCF917492:LCQ917494 KSJ917492:KSU917494 KIN917492:KIY917494 JYR917492:JZC917494 JOV917492:JPG917494 JEZ917492:JFK917494 IVD917492:IVO917494 ILH917492:ILS917494 IBL917492:IBW917494 HRP917492:HSA917494 HHT917492:HIE917494 GXX917492:GYI917494 GOB917492:GOM917494 GEF917492:GEQ917494 FUJ917492:FUU917494 FKN917492:FKY917494 FAR917492:FBC917494 EQV917492:ERG917494 EGZ917492:EHK917494 DXD917492:DXO917494 DNH917492:DNS917494 DDL917492:DDW917494 CTP917492:CUA917494 CJT917492:CKE917494 BZX917492:CAI917494 BQB917492:BQM917494 BGF917492:BGQ917494 AWJ917492:AWU917494 AMN917492:AMY917494 ACR917492:ADC917494 SV917492:TG917494 IZ917492:JK917494 D917492:O917494 WVL851956:WVW851958 WLP851956:WMA851958 WBT851956:WCE851958 VRX851956:VSI851958 VIB851956:VIM851958 UYF851956:UYQ851958 UOJ851956:UOU851958 UEN851956:UEY851958 TUR851956:TVC851958 TKV851956:TLG851958 TAZ851956:TBK851958 SRD851956:SRO851958 SHH851956:SHS851958 RXL851956:RXW851958 RNP851956:ROA851958 RDT851956:REE851958 QTX851956:QUI851958 QKB851956:QKM851958 QAF851956:QAQ851958 PQJ851956:PQU851958 PGN851956:PGY851958 OWR851956:OXC851958 OMV851956:ONG851958 OCZ851956:ODK851958 NTD851956:NTO851958 NJH851956:NJS851958 MZL851956:MZW851958 MPP851956:MQA851958 MFT851956:MGE851958 LVX851956:LWI851958 LMB851956:LMM851958 LCF851956:LCQ851958 KSJ851956:KSU851958 KIN851956:KIY851958 JYR851956:JZC851958 JOV851956:JPG851958 JEZ851956:JFK851958 IVD851956:IVO851958 ILH851956:ILS851958 IBL851956:IBW851958 HRP851956:HSA851958 HHT851956:HIE851958 GXX851956:GYI851958 GOB851956:GOM851958 GEF851956:GEQ851958 FUJ851956:FUU851958 FKN851956:FKY851958 FAR851956:FBC851958 EQV851956:ERG851958 EGZ851956:EHK851958 DXD851956:DXO851958 DNH851956:DNS851958 DDL851956:DDW851958 CTP851956:CUA851958 CJT851956:CKE851958 BZX851956:CAI851958 BQB851956:BQM851958 BGF851956:BGQ851958 AWJ851956:AWU851958 AMN851956:AMY851958 ACR851956:ADC851958 SV851956:TG851958 IZ851956:JK851958 D851956:O851958 WVL786420:WVW786422 WLP786420:WMA786422 WBT786420:WCE786422 VRX786420:VSI786422 VIB786420:VIM786422 UYF786420:UYQ786422 UOJ786420:UOU786422 UEN786420:UEY786422 TUR786420:TVC786422 TKV786420:TLG786422 TAZ786420:TBK786422 SRD786420:SRO786422 SHH786420:SHS786422 RXL786420:RXW786422 RNP786420:ROA786422 RDT786420:REE786422 QTX786420:QUI786422 QKB786420:QKM786422 QAF786420:QAQ786422 PQJ786420:PQU786422 PGN786420:PGY786422 OWR786420:OXC786422 OMV786420:ONG786422 OCZ786420:ODK786422 NTD786420:NTO786422 NJH786420:NJS786422 MZL786420:MZW786422 MPP786420:MQA786422 MFT786420:MGE786422 LVX786420:LWI786422 LMB786420:LMM786422 LCF786420:LCQ786422 KSJ786420:KSU786422 KIN786420:KIY786422 JYR786420:JZC786422 JOV786420:JPG786422 JEZ786420:JFK786422 IVD786420:IVO786422 ILH786420:ILS786422 IBL786420:IBW786422 HRP786420:HSA786422 HHT786420:HIE786422 GXX786420:GYI786422 GOB786420:GOM786422 GEF786420:GEQ786422 FUJ786420:FUU786422 FKN786420:FKY786422 FAR786420:FBC786422 EQV786420:ERG786422 EGZ786420:EHK786422 DXD786420:DXO786422 DNH786420:DNS786422 DDL786420:DDW786422 CTP786420:CUA786422 CJT786420:CKE786422 BZX786420:CAI786422 BQB786420:BQM786422 BGF786420:BGQ786422 AWJ786420:AWU786422 AMN786420:AMY786422 ACR786420:ADC786422 SV786420:TG786422 IZ786420:JK786422 D786420:O786422 WVL720884:WVW720886 WLP720884:WMA720886 WBT720884:WCE720886 VRX720884:VSI720886 VIB720884:VIM720886 UYF720884:UYQ720886 UOJ720884:UOU720886 UEN720884:UEY720886 TUR720884:TVC720886 TKV720884:TLG720886 TAZ720884:TBK720886 SRD720884:SRO720886 SHH720884:SHS720886 RXL720884:RXW720886 RNP720884:ROA720886 RDT720884:REE720886 QTX720884:QUI720886 QKB720884:QKM720886 QAF720884:QAQ720886 PQJ720884:PQU720886 PGN720884:PGY720886 OWR720884:OXC720886 OMV720884:ONG720886 OCZ720884:ODK720886 NTD720884:NTO720886 NJH720884:NJS720886 MZL720884:MZW720886 MPP720884:MQA720886 MFT720884:MGE720886 LVX720884:LWI720886 LMB720884:LMM720886 LCF720884:LCQ720886 KSJ720884:KSU720886 KIN720884:KIY720886 JYR720884:JZC720886 JOV720884:JPG720886 JEZ720884:JFK720886 IVD720884:IVO720886 ILH720884:ILS720886 IBL720884:IBW720886 HRP720884:HSA720886 HHT720884:HIE720886 GXX720884:GYI720886 GOB720884:GOM720886 GEF720884:GEQ720886 FUJ720884:FUU720886 FKN720884:FKY720886 FAR720884:FBC720886 EQV720884:ERG720886 EGZ720884:EHK720886 DXD720884:DXO720886 DNH720884:DNS720886 DDL720884:DDW720886 CTP720884:CUA720886 CJT720884:CKE720886 BZX720884:CAI720886 BQB720884:BQM720886 BGF720884:BGQ720886 AWJ720884:AWU720886 AMN720884:AMY720886 ACR720884:ADC720886 SV720884:TG720886 IZ720884:JK720886 D720884:O720886 WVL655348:WVW655350 WLP655348:WMA655350 WBT655348:WCE655350 VRX655348:VSI655350 VIB655348:VIM655350 UYF655348:UYQ655350 UOJ655348:UOU655350 UEN655348:UEY655350 TUR655348:TVC655350 TKV655348:TLG655350 TAZ655348:TBK655350 SRD655348:SRO655350 SHH655348:SHS655350 RXL655348:RXW655350 RNP655348:ROA655350 RDT655348:REE655350 QTX655348:QUI655350 QKB655348:QKM655350 QAF655348:QAQ655350 PQJ655348:PQU655350 PGN655348:PGY655350 OWR655348:OXC655350 OMV655348:ONG655350 OCZ655348:ODK655350 NTD655348:NTO655350 NJH655348:NJS655350 MZL655348:MZW655350 MPP655348:MQA655350 MFT655348:MGE655350 LVX655348:LWI655350 LMB655348:LMM655350 LCF655348:LCQ655350 KSJ655348:KSU655350 KIN655348:KIY655350 JYR655348:JZC655350 JOV655348:JPG655350 JEZ655348:JFK655350 IVD655348:IVO655350 ILH655348:ILS655350 IBL655348:IBW655350 HRP655348:HSA655350 HHT655348:HIE655350 GXX655348:GYI655350 GOB655348:GOM655350 GEF655348:GEQ655350 FUJ655348:FUU655350 FKN655348:FKY655350 FAR655348:FBC655350 EQV655348:ERG655350 EGZ655348:EHK655350 DXD655348:DXO655350 DNH655348:DNS655350 DDL655348:DDW655350 CTP655348:CUA655350 CJT655348:CKE655350 BZX655348:CAI655350 BQB655348:BQM655350 BGF655348:BGQ655350 AWJ655348:AWU655350 AMN655348:AMY655350 ACR655348:ADC655350 SV655348:TG655350 IZ655348:JK655350 D655348:O655350 WVL589812:WVW589814 WLP589812:WMA589814 WBT589812:WCE589814 VRX589812:VSI589814 VIB589812:VIM589814 UYF589812:UYQ589814 UOJ589812:UOU589814 UEN589812:UEY589814 TUR589812:TVC589814 TKV589812:TLG589814 TAZ589812:TBK589814 SRD589812:SRO589814 SHH589812:SHS589814 RXL589812:RXW589814 RNP589812:ROA589814 RDT589812:REE589814 QTX589812:QUI589814 QKB589812:QKM589814 QAF589812:QAQ589814 PQJ589812:PQU589814 PGN589812:PGY589814 OWR589812:OXC589814 OMV589812:ONG589814 OCZ589812:ODK589814 NTD589812:NTO589814 NJH589812:NJS589814 MZL589812:MZW589814 MPP589812:MQA589814 MFT589812:MGE589814 LVX589812:LWI589814 LMB589812:LMM589814 LCF589812:LCQ589814 KSJ589812:KSU589814 KIN589812:KIY589814 JYR589812:JZC589814 JOV589812:JPG589814 JEZ589812:JFK589814 IVD589812:IVO589814 ILH589812:ILS589814 IBL589812:IBW589814 HRP589812:HSA589814 HHT589812:HIE589814 GXX589812:GYI589814 GOB589812:GOM589814 GEF589812:GEQ589814 FUJ589812:FUU589814 FKN589812:FKY589814 FAR589812:FBC589814 EQV589812:ERG589814 EGZ589812:EHK589814 DXD589812:DXO589814 DNH589812:DNS589814 DDL589812:DDW589814 CTP589812:CUA589814 CJT589812:CKE589814 BZX589812:CAI589814 BQB589812:BQM589814 BGF589812:BGQ589814 AWJ589812:AWU589814 AMN589812:AMY589814 ACR589812:ADC589814 SV589812:TG589814 IZ589812:JK589814 D589812:O589814 WVL524276:WVW524278 WLP524276:WMA524278 WBT524276:WCE524278 VRX524276:VSI524278 VIB524276:VIM524278 UYF524276:UYQ524278 UOJ524276:UOU524278 UEN524276:UEY524278 TUR524276:TVC524278 TKV524276:TLG524278 TAZ524276:TBK524278 SRD524276:SRO524278 SHH524276:SHS524278 RXL524276:RXW524278 RNP524276:ROA524278 RDT524276:REE524278 QTX524276:QUI524278 QKB524276:QKM524278 QAF524276:QAQ524278 PQJ524276:PQU524278 PGN524276:PGY524278 OWR524276:OXC524278 OMV524276:ONG524278 OCZ524276:ODK524278 NTD524276:NTO524278 NJH524276:NJS524278 MZL524276:MZW524278 MPP524276:MQA524278 MFT524276:MGE524278 LVX524276:LWI524278 LMB524276:LMM524278 LCF524276:LCQ524278 KSJ524276:KSU524278 KIN524276:KIY524278 JYR524276:JZC524278 JOV524276:JPG524278 JEZ524276:JFK524278 IVD524276:IVO524278 ILH524276:ILS524278 IBL524276:IBW524278 HRP524276:HSA524278 HHT524276:HIE524278 GXX524276:GYI524278 GOB524276:GOM524278 GEF524276:GEQ524278 FUJ524276:FUU524278 FKN524276:FKY524278 FAR524276:FBC524278 EQV524276:ERG524278 EGZ524276:EHK524278 DXD524276:DXO524278 DNH524276:DNS524278 DDL524276:DDW524278 CTP524276:CUA524278 CJT524276:CKE524278 BZX524276:CAI524278 BQB524276:BQM524278 BGF524276:BGQ524278 AWJ524276:AWU524278 AMN524276:AMY524278 ACR524276:ADC524278 SV524276:TG524278 IZ524276:JK524278 D524276:O524278 WVL458740:WVW458742 WLP458740:WMA458742 WBT458740:WCE458742 VRX458740:VSI458742 VIB458740:VIM458742 UYF458740:UYQ458742 UOJ458740:UOU458742 UEN458740:UEY458742 TUR458740:TVC458742 TKV458740:TLG458742 TAZ458740:TBK458742 SRD458740:SRO458742 SHH458740:SHS458742 RXL458740:RXW458742 RNP458740:ROA458742 RDT458740:REE458742 QTX458740:QUI458742 QKB458740:QKM458742 QAF458740:QAQ458742 PQJ458740:PQU458742 PGN458740:PGY458742 OWR458740:OXC458742 OMV458740:ONG458742 OCZ458740:ODK458742 NTD458740:NTO458742 NJH458740:NJS458742 MZL458740:MZW458742 MPP458740:MQA458742 MFT458740:MGE458742 LVX458740:LWI458742 LMB458740:LMM458742 LCF458740:LCQ458742 KSJ458740:KSU458742 KIN458740:KIY458742 JYR458740:JZC458742 JOV458740:JPG458742 JEZ458740:JFK458742 IVD458740:IVO458742 ILH458740:ILS458742 IBL458740:IBW458742 HRP458740:HSA458742 HHT458740:HIE458742 GXX458740:GYI458742 GOB458740:GOM458742 GEF458740:GEQ458742 FUJ458740:FUU458742 FKN458740:FKY458742 FAR458740:FBC458742 EQV458740:ERG458742 EGZ458740:EHK458742 DXD458740:DXO458742 DNH458740:DNS458742 DDL458740:DDW458742 CTP458740:CUA458742 CJT458740:CKE458742 BZX458740:CAI458742 BQB458740:BQM458742 BGF458740:BGQ458742 AWJ458740:AWU458742 AMN458740:AMY458742 ACR458740:ADC458742 SV458740:TG458742 IZ458740:JK458742 D458740:O458742 WVL393204:WVW393206 WLP393204:WMA393206 WBT393204:WCE393206 VRX393204:VSI393206 VIB393204:VIM393206 UYF393204:UYQ393206 UOJ393204:UOU393206 UEN393204:UEY393206 TUR393204:TVC393206 TKV393204:TLG393206 TAZ393204:TBK393206 SRD393204:SRO393206 SHH393204:SHS393206 RXL393204:RXW393206 RNP393204:ROA393206 RDT393204:REE393206 QTX393204:QUI393206 QKB393204:QKM393206 QAF393204:QAQ393206 PQJ393204:PQU393206 PGN393204:PGY393206 OWR393204:OXC393206 OMV393204:ONG393206 OCZ393204:ODK393206 NTD393204:NTO393206 NJH393204:NJS393206 MZL393204:MZW393206 MPP393204:MQA393206 MFT393204:MGE393206 LVX393204:LWI393206 LMB393204:LMM393206 LCF393204:LCQ393206 KSJ393204:KSU393206 KIN393204:KIY393206 JYR393204:JZC393206 JOV393204:JPG393206 JEZ393204:JFK393206 IVD393204:IVO393206 ILH393204:ILS393206 IBL393204:IBW393206 HRP393204:HSA393206 HHT393204:HIE393206 GXX393204:GYI393206 GOB393204:GOM393206 GEF393204:GEQ393206 FUJ393204:FUU393206 FKN393204:FKY393206 FAR393204:FBC393206 EQV393204:ERG393206 EGZ393204:EHK393206 DXD393204:DXO393206 DNH393204:DNS393206 DDL393204:DDW393206 CTP393204:CUA393206 CJT393204:CKE393206 BZX393204:CAI393206 BQB393204:BQM393206 BGF393204:BGQ393206 AWJ393204:AWU393206 AMN393204:AMY393206 ACR393204:ADC393206 SV393204:TG393206 IZ393204:JK393206 D393204:O393206 WVL327668:WVW327670 WLP327668:WMA327670 WBT327668:WCE327670 VRX327668:VSI327670 VIB327668:VIM327670 UYF327668:UYQ327670 UOJ327668:UOU327670 UEN327668:UEY327670 TUR327668:TVC327670 TKV327668:TLG327670 TAZ327668:TBK327670 SRD327668:SRO327670 SHH327668:SHS327670 RXL327668:RXW327670 RNP327668:ROA327670 RDT327668:REE327670 QTX327668:QUI327670 QKB327668:QKM327670 QAF327668:QAQ327670 PQJ327668:PQU327670 PGN327668:PGY327670 OWR327668:OXC327670 OMV327668:ONG327670 OCZ327668:ODK327670 NTD327668:NTO327670 NJH327668:NJS327670 MZL327668:MZW327670 MPP327668:MQA327670 MFT327668:MGE327670 LVX327668:LWI327670 LMB327668:LMM327670 LCF327668:LCQ327670 KSJ327668:KSU327670 KIN327668:KIY327670 JYR327668:JZC327670 JOV327668:JPG327670 JEZ327668:JFK327670 IVD327668:IVO327670 ILH327668:ILS327670 IBL327668:IBW327670 HRP327668:HSA327670 HHT327668:HIE327670 GXX327668:GYI327670 GOB327668:GOM327670 GEF327668:GEQ327670 FUJ327668:FUU327670 FKN327668:FKY327670 FAR327668:FBC327670 EQV327668:ERG327670 EGZ327668:EHK327670 DXD327668:DXO327670 DNH327668:DNS327670 DDL327668:DDW327670 CTP327668:CUA327670 CJT327668:CKE327670 BZX327668:CAI327670 BQB327668:BQM327670 BGF327668:BGQ327670 AWJ327668:AWU327670 AMN327668:AMY327670 ACR327668:ADC327670 SV327668:TG327670 IZ327668:JK327670 D327668:O327670 WVL262132:WVW262134 WLP262132:WMA262134 WBT262132:WCE262134 VRX262132:VSI262134 VIB262132:VIM262134 UYF262132:UYQ262134 UOJ262132:UOU262134 UEN262132:UEY262134 TUR262132:TVC262134 TKV262132:TLG262134 TAZ262132:TBK262134 SRD262132:SRO262134 SHH262132:SHS262134 RXL262132:RXW262134 RNP262132:ROA262134 RDT262132:REE262134 QTX262132:QUI262134 QKB262132:QKM262134 QAF262132:QAQ262134 PQJ262132:PQU262134 PGN262132:PGY262134 OWR262132:OXC262134 OMV262132:ONG262134 OCZ262132:ODK262134 NTD262132:NTO262134 NJH262132:NJS262134 MZL262132:MZW262134 MPP262132:MQA262134 MFT262132:MGE262134 LVX262132:LWI262134 LMB262132:LMM262134 LCF262132:LCQ262134 KSJ262132:KSU262134 KIN262132:KIY262134 JYR262132:JZC262134 JOV262132:JPG262134 JEZ262132:JFK262134 IVD262132:IVO262134 ILH262132:ILS262134 IBL262132:IBW262134 HRP262132:HSA262134 HHT262132:HIE262134 GXX262132:GYI262134 GOB262132:GOM262134 GEF262132:GEQ262134 FUJ262132:FUU262134 FKN262132:FKY262134 FAR262132:FBC262134 EQV262132:ERG262134 EGZ262132:EHK262134 DXD262132:DXO262134 DNH262132:DNS262134 DDL262132:DDW262134 CTP262132:CUA262134 CJT262132:CKE262134 BZX262132:CAI262134 BQB262132:BQM262134 BGF262132:BGQ262134 AWJ262132:AWU262134 AMN262132:AMY262134 ACR262132:ADC262134 SV262132:TG262134 IZ262132:JK262134 D262132:O262134 WVL196596:WVW196598 WLP196596:WMA196598 WBT196596:WCE196598 VRX196596:VSI196598 VIB196596:VIM196598 UYF196596:UYQ196598 UOJ196596:UOU196598 UEN196596:UEY196598 TUR196596:TVC196598 TKV196596:TLG196598 TAZ196596:TBK196598 SRD196596:SRO196598 SHH196596:SHS196598 RXL196596:RXW196598 RNP196596:ROA196598 RDT196596:REE196598 QTX196596:QUI196598 QKB196596:QKM196598 QAF196596:QAQ196598 PQJ196596:PQU196598 PGN196596:PGY196598 OWR196596:OXC196598 OMV196596:ONG196598 OCZ196596:ODK196598 NTD196596:NTO196598 NJH196596:NJS196598 MZL196596:MZW196598 MPP196596:MQA196598 MFT196596:MGE196598 LVX196596:LWI196598 LMB196596:LMM196598 LCF196596:LCQ196598 KSJ196596:KSU196598 KIN196596:KIY196598 JYR196596:JZC196598 JOV196596:JPG196598 JEZ196596:JFK196598 IVD196596:IVO196598 ILH196596:ILS196598 IBL196596:IBW196598 HRP196596:HSA196598 HHT196596:HIE196598 GXX196596:GYI196598 GOB196596:GOM196598 GEF196596:GEQ196598 FUJ196596:FUU196598 FKN196596:FKY196598 FAR196596:FBC196598 EQV196596:ERG196598 EGZ196596:EHK196598 DXD196596:DXO196598 DNH196596:DNS196598 DDL196596:DDW196598 CTP196596:CUA196598 CJT196596:CKE196598 BZX196596:CAI196598 BQB196596:BQM196598 BGF196596:BGQ196598 AWJ196596:AWU196598 AMN196596:AMY196598 ACR196596:ADC196598 SV196596:TG196598 IZ196596:JK196598 D196596:O196598 WVL131060:WVW131062 WLP131060:WMA131062 WBT131060:WCE131062 VRX131060:VSI131062 VIB131060:VIM131062 UYF131060:UYQ131062 UOJ131060:UOU131062 UEN131060:UEY131062 TUR131060:TVC131062 TKV131060:TLG131062 TAZ131060:TBK131062 SRD131060:SRO131062 SHH131060:SHS131062 RXL131060:RXW131062 RNP131060:ROA131062 RDT131060:REE131062 QTX131060:QUI131062 QKB131060:QKM131062 QAF131060:QAQ131062 PQJ131060:PQU131062 PGN131060:PGY131062 OWR131060:OXC131062 OMV131060:ONG131062 OCZ131060:ODK131062 NTD131060:NTO131062 NJH131060:NJS131062 MZL131060:MZW131062 MPP131060:MQA131062 MFT131060:MGE131062 LVX131060:LWI131062 LMB131060:LMM131062 LCF131060:LCQ131062 KSJ131060:KSU131062 KIN131060:KIY131062 JYR131060:JZC131062 JOV131060:JPG131062 JEZ131060:JFK131062 IVD131060:IVO131062 ILH131060:ILS131062 IBL131060:IBW131062 HRP131060:HSA131062 HHT131060:HIE131062 GXX131060:GYI131062 GOB131060:GOM131062 GEF131060:GEQ131062 FUJ131060:FUU131062 FKN131060:FKY131062 FAR131060:FBC131062 EQV131060:ERG131062 EGZ131060:EHK131062 DXD131060:DXO131062 DNH131060:DNS131062 DDL131060:DDW131062 CTP131060:CUA131062 CJT131060:CKE131062 BZX131060:CAI131062 BQB131060:BQM131062 BGF131060:BGQ131062 AWJ131060:AWU131062 AMN131060:AMY131062 ACR131060:ADC131062 SV131060:TG131062 IZ131060:JK131062 D131060:O131062 WVL65524:WVW65526 WLP65524:WMA65526 WBT65524:WCE65526 VRX65524:VSI65526 VIB65524:VIM65526 UYF65524:UYQ65526 UOJ65524:UOU65526 UEN65524:UEY65526 TUR65524:TVC65526 TKV65524:TLG65526 TAZ65524:TBK65526 SRD65524:SRO65526 SHH65524:SHS65526 RXL65524:RXW65526 RNP65524:ROA65526 RDT65524:REE65526 QTX65524:QUI65526 QKB65524:QKM65526 QAF65524:QAQ65526 PQJ65524:PQU65526 PGN65524:PGY65526 OWR65524:OXC65526 OMV65524:ONG65526 OCZ65524:ODK65526 NTD65524:NTO65526 NJH65524:NJS65526 MZL65524:MZW65526 MPP65524:MQA65526 MFT65524:MGE65526 LVX65524:LWI65526 LMB65524:LMM65526 LCF65524:LCQ65526 KSJ65524:KSU65526 KIN65524:KIY65526 JYR65524:JZC65526 JOV65524:JPG65526 JEZ65524:JFK65526 IVD65524:IVO65526 ILH65524:ILS65526 IBL65524:IBW65526 HRP65524:HSA65526 HHT65524:HIE65526 GXX65524:GYI65526 GOB65524:GOM65526 GEF65524:GEQ65526 FUJ65524:FUU65526 FKN65524:FKY65526 FAR65524:FBC65526 EQV65524:ERG65526 EGZ65524:EHK65526 DXD65524:DXO65526 DNH65524:DNS65526 DDL65524:DDW65526 CTP65524:CUA65526 CJT65524:CKE65526 BZX65524:CAI65526 BQB65524:BQM65526 BGF65524:BGQ65526 AWJ65524:AWU65526 AMN65524:AMY65526 ACR65524:ADC65526 SV65524:TG65526 IZ65524:JK65526 D65524:O65526 IZ13:JK15 WVL13:WVW15 WLP13:WMA15 WBT13:WCE15 VRX13:VSI15 VIB13:VIM15 UYF13:UYQ15 UOJ13:UOU15 UEN13:UEY15 TUR13:TVC15 TKV13:TLG15 TAZ13:TBK15 SRD13:SRO15 SHH13:SHS15 RXL13:RXW15 RNP13:ROA15 RDT13:REE15 QTX13:QUI15 QKB13:QKM15 QAF13:QAQ15 PQJ13:PQU15 PGN13:PGY15 OWR13:OXC15 OMV13:ONG15 OCZ13:ODK15 NTD13:NTO15 NJH13:NJS15 MZL13:MZW15 MPP13:MQA15 MFT13:MGE15 LVX13:LWI15 LMB13:LMM15 LCF13:LCQ15 KSJ13:KSU15 KIN13:KIY15 JYR13:JZC15 JOV13:JPG15 JEZ13:JFK15 IVD13:IVO15 ILH13:ILS15 IBL13:IBW15 HRP13:HSA15 HHT13:HIE15 GXX13:GYI15 GOB13:GOM15 GEF13:GEQ15 FUJ13:FUU15 FKN13:FKY15 FAR13:FBC15 EQV13:ERG15 EGZ13:EHK15 DXD13:DXO15 DNH13:DNS15 DDL13:DDW15 CTP13:CUA15 CJT13:CKE15 BZX13:CAI15 BQB13:BQM15 BGF13:BGQ15 AWJ13:AWU15 AMN13:AMY15 ACR13:ADC15 SV13:TG15 G13:G15">
      <formula1>D13=DBCS(D13)</formula1>
    </dataValidation>
    <dataValidation type="custom" allowBlank="1" showInputMessage="1" showErrorMessage="1" errorTitle="入力内容に誤りがあります" error="全角で入力してください" sqref="WVQ983047:WVY983047 WLU983047:WMC983047 WBY983047:WCG983047 VSC983047:VSK983047 VIG983047:VIO983047 UYK983047:UYS983047 UOO983047:UOW983047 UES983047:UFA983047 TUW983047:TVE983047 TLA983047:TLI983047 TBE983047:TBM983047 SRI983047:SRQ983047 SHM983047:SHU983047 RXQ983047:RXY983047 RNU983047:ROC983047 RDY983047:REG983047 QUC983047:QUK983047 QKG983047:QKO983047 QAK983047:QAS983047 PQO983047:PQW983047 PGS983047:PHA983047 OWW983047:OXE983047 ONA983047:ONI983047 ODE983047:ODM983047 NTI983047:NTQ983047 NJM983047:NJU983047 MZQ983047:MZY983047 MPU983047:MQC983047 MFY983047:MGG983047 LWC983047:LWK983047 LMG983047:LMO983047 LCK983047:LCS983047 KSO983047:KSW983047 KIS983047:KJA983047 JYW983047:JZE983047 JPA983047:JPI983047 JFE983047:JFM983047 IVI983047:IVQ983047 ILM983047:ILU983047 IBQ983047:IBY983047 HRU983047:HSC983047 HHY983047:HIG983047 GYC983047:GYK983047 GOG983047:GOO983047 GEK983047:GES983047 FUO983047:FUW983047 FKS983047:FLA983047 FAW983047:FBE983047 ERA983047:ERI983047 EHE983047:EHM983047 DXI983047:DXQ983047 DNM983047:DNU983047 DDQ983047:DDY983047 CTU983047:CUC983047 CJY983047:CKG983047 CAC983047:CAK983047 BQG983047:BQO983047 BGK983047:BGS983047 AWO983047:AWW983047 AMS983047:ANA983047 ACW983047:ADE983047 TA983047:TI983047 JE983047:JM983047 I983047:Q983047 WVQ917511:WVY917511 WLU917511:WMC917511 WBY917511:WCG917511 VSC917511:VSK917511 VIG917511:VIO917511 UYK917511:UYS917511 UOO917511:UOW917511 UES917511:UFA917511 TUW917511:TVE917511 TLA917511:TLI917511 TBE917511:TBM917511 SRI917511:SRQ917511 SHM917511:SHU917511 RXQ917511:RXY917511 RNU917511:ROC917511 RDY917511:REG917511 QUC917511:QUK917511 QKG917511:QKO917511 QAK917511:QAS917511 PQO917511:PQW917511 PGS917511:PHA917511 OWW917511:OXE917511 ONA917511:ONI917511 ODE917511:ODM917511 NTI917511:NTQ917511 NJM917511:NJU917511 MZQ917511:MZY917511 MPU917511:MQC917511 MFY917511:MGG917511 LWC917511:LWK917511 LMG917511:LMO917511 LCK917511:LCS917511 KSO917511:KSW917511 KIS917511:KJA917511 JYW917511:JZE917511 JPA917511:JPI917511 JFE917511:JFM917511 IVI917511:IVQ917511 ILM917511:ILU917511 IBQ917511:IBY917511 HRU917511:HSC917511 HHY917511:HIG917511 GYC917511:GYK917511 GOG917511:GOO917511 GEK917511:GES917511 FUO917511:FUW917511 FKS917511:FLA917511 FAW917511:FBE917511 ERA917511:ERI917511 EHE917511:EHM917511 DXI917511:DXQ917511 DNM917511:DNU917511 DDQ917511:DDY917511 CTU917511:CUC917511 CJY917511:CKG917511 CAC917511:CAK917511 BQG917511:BQO917511 BGK917511:BGS917511 AWO917511:AWW917511 AMS917511:ANA917511 ACW917511:ADE917511 TA917511:TI917511 JE917511:JM917511 I917511:Q917511 WVQ851975:WVY851975 WLU851975:WMC851975 WBY851975:WCG851975 VSC851975:VSK851975 VIG851975:VIO851975 UYK851975:UYS851975 UOO851975:UOW851975 UES851975:UFA851975 TUW851975:TVE851975 TLA851975:TLI851975 TBE851975:TBM851975 SRI851975:SRQ851975 SHM851975:SHU851975 RXQ851975:RXY851975 RNU851975:ROC851975 RDY851975:REG851975 QUC851975:QUK851975 QKG851975:QKO851975 QAK851975:QAS851975 PQO851975:PQW851975 PGS851975:PHA851975 OWW851975:OXE851975 ONA851975:ONI851975 ODE851975:ODM851975 NTI851975:NTQ851975 NJM851975:NJU851975 MZQ851975:MZY851975 MPU851975:MQC851975 MFY851975:MGG851975 LWC851975:LWK851975 LMG851975:LMO851975 LCK851975:LCS851975 KSO851975:KSW851975 KIS851975:KJA851975 JYW851975:JZE851975 JPA851975:JPI851975 JFE851975:JFM851975 IVI851975:IVQ851975 ILM851975:ILU851975 IBQ851975:IBY851975 HRU851975:HSC851975 HHY851975:HIG851975 GYC851975:GYK851975 GOG851975:GOO851975 GEK851975:GES851975 FUO851975:FUW851975 FKS851975:FLA851975 FAW851975:FBE851975 ERA851975:ERI851975 EHE851975:EHM851975 DXI851975:DXQ851975 DNM851975:DNU851975 DDQ851975:DDY851975 CTU851975:CUC851975 CJY851975:CKG851975 CAC851975:CAK851975 BQG851975:BQO851975 BGK851975:BGS851975 AWO851975:AWW851975 AMS851975:ANA851975 ACW851975:ADE851975 TA851975:TI851975 JE851975:JM851975 I851975:Q851975 WVQ786439:WVY786439 WLU786439:WMC786439 WBY786439:WCG786439 VSC786439:VSK786439 VIG786439:VIO786439 UYK786439:UYS786439 UOO786439:UOW786439 UES786439:UFA786439 TUW786439:TVE786439 TLA786439:TLI786439 TBE786439:TBM786439 SRI786439:SRQ786439 SHM786439:SHU786439 RXQ786439:RXY786439 RNU786439:ROC786439 RDY786439:REG786439 QUC786439:QUK786439 QKG786439:QKO786439 QAK786439:QAS786439 PQO786439:PQW786439 PGS786439:PHA786439 OWW786439:OXE786439 ONA786439:ONI786439 ODE786439:ODM786439 NTI786439:NTQ786439 NJM786439:NJU786439 MZQ786439:MZY786439 MPU786439:MQC786439 MFY786439:MGG786439 LWC786439:LWK786439 LMG786439:LMO786439 LCK786439:LCS786439 KSO786439:KSW786439 KIS786439:KJA786439 JYW786439:JZE786439 JPA786439:JPI786439 JFE786439:JFM786439 IVI786439:IVQ786439 ILM786439:ILU786439 IBQ786439:IBY786439 HRU786439:HSC786439 HHY786439:HIG786439 GYC786439:GYK786439 GOG786439:GOO786439 GEK786439:GES786439 FUO786439:FUW786439 FKS786439:FLA786439 FAW786439:FBE786439 ERA786439:ERI786439 EHE786439:EHM786439 DXI786439:DXQ786439 DNM786439:DNU786439 DDQ786439:DDY786439 CTU786439:CUC786439 CJY786439:CKG786439 CAC786439:CAK786439 BQG786439:BQO786439 BGK786439:BGS786439 AWO786439:AWW786439 AMS786439:ANA786439 ACW786439:ADE786439 TA786439:TI786439 JE786439:JM786439 I786439:Q786439 WVQ720903:WVY720903 WLU720903:WMC720903 WBY720903:WCG720903 VSC720903:VSK720903 VIG720903:VIO720903 UYK720903:UYS720903 UOO720903:UOW720903 UES720903:UFA720903 TUW720903:TVE720903 TLA720903:TLI720903 TBE720903:TBM720903 SRI720903:SRQ720903 SHM720903:SHU720903 RXQ720903:RXY720903 RNU720903:ROC720903 RDY720903:REG720903 QUC720903:QUK720903 QKG720903:QKO720903 QAK720903:QAS720903 PQO720903:PQW720903 PGS720903:PHA720903 OWW720903:OXE720903 ONA720903:ONI720903 ODE720903:ODM720903 NTI720903:NTQ720903 NJM720903:NJU720903 MZQ720903:MZY720903 MPU720903:MQC720903 MFY720903:MGG720903 LWC720903:LWK720903 LMG720903:LMO720903 LCK720903:LCS720903 KSO720903:KSW720903 KIS720903:KJA720903 JYW720903:JZE720903 JPA720903:JPI720903 JFE720903:JFM720903 IVI720903:IVQ720903 ILM720903:ILU720903 IBQ720903:IBY720903 HRU720903:HSC720903 HHY720903:HIG720903 GYC720903:GYK720903 GOG720903:GOO720903 GEK720903:GES720903 FUO720903:FUW720903 FKS720903:FLA720903 FAW720903:FBE720903 ERA720903:ERI720903 EHE720903:EHM720903 DXI720903:DXQ720903 DNM720903:DNU720903 DDQ720903:DDY720903 CTU720903:CUC720903 CJY720903:CKG720903 CAC720903:CAK720903 BQG720903:BQO720903 BGK720903:BGS720903 AWO720903:AWW720903 AMS720903:ANA720903 ACW720903:ADE720903 TA720903:TI720903 JE720903:JM720903 I720903:Q720903 WVQ655367:WVY655367 WLU655367:WMC655367 WBY655367:WCG655367 VSC655367:VSK655367 VIG655367:VIO655367 UYK655367:UYS655367 UOO655367:UOW655367 UES655367:UFA655367 TUW655367:TVE655367 TLA655367:TLI655367 TBE655367:TBM655367 SRI655367:SRQ655367 SHM655367:SHU655367 RXQ655367:RXY655367 RNU655367:ROC655367 RDY655367:REG655367 QUC655367:QUK655367 QKG655367:QKO655367 QAK655367:QAS655367 PQO655367:PQW655367 PGS655367:PHA655367 OWW655367:OXE655367 ONA655367:ONI655367 ODE655367:ODM655367 NTI655367:NTQ655367 NJM655367:NJU655367 MZQ655367:MZY655367 MPU655367:MQC655367 MFY655367:MGG655367 LWC655367:LWK655367 LMG655367:LMO655367 LCK655367:LCS655367 KSO655367:KSW655367 KIS655367:KJA655367 JYW655367:JZE655367 JPA655367:JPI655367 JFE655367:JFM655367 IVI655367:IVQ655367 ILM655367:ILU655367 IBQ655367:IBY655367 HRU655367:HSC655367 HHY655367:HIG655367 GYC655367:GYK655367 GOG655367:GOO655367 GEK655367:GES655367 FUO655367:FUW655367 FKS655367:FLA655367 FAW655367:FBE655367 ERA655367:ERI655367 EHE655367:EHM655367 DXI655367:DXQ655367 DNM655367:DNU655367 DDQ655367:DDY655367 CTU655367:CUC655367 CJY655367:CKG655367 CAC655367:CAK655367 BQG655367:BQO655367 BGK655367:BGS655367 AWO655367:AWW655367 AMS655367:ANA655367 ACW655367:ADE655367 TA655367:TI655367 JE655367:JM655367 I655367:Q655367 WVQ589831:WVY589831 WLU589831:WMC589831 WBY589831:WCG589831 VSC589831:VSK589831 VIG589831:VIO589831 UYK589831:UYS589831 UOO589831:UOW589831 UES589831:UFA589831 TUW589831:TVE589831 TLA589831:TLI589831 TBE589831:TBM589831 SRI589831:SRQ589831 SHM589831:SHU589831 RXQ589831:RXY589831 RNU589831:ROC589831 RDY589831:REG589831 QUC589831:QUK589831 QKG589831:QKO589831 QAK589831:QAS589831 PQO589831:PQW589831 PGS589831:PHA589831 OWW589831:OXE589831 ONA589831:ONI589831 ODE589831:ODM589831 NTI589831:NTQ589831 NJM589831:NJU589831 MZQ589831:MZY589831 MPU589831:MQC589831 MFY589831:MGG589831 LWC589831:LWK589831 LMG589831:LMO589831 LCK589831:LCS589831 KSO589831:KSW589831 KIS589831:KJA589831 JYW589831:JZE589831 JPA589831:JPI589831 JFE589831:JFM589831 IVI589831:IVQ589831 ILM589831:ILU589831 IBQ589831:IBY589831 HRU589831:HSC589831 HHY589831:HIG589831 GYC589831:GYK589831 GOG589831:GOO589831 GEK589831:GES589831 FUO589831:FUW589831 FKS589831:FLA589831 FAW589831:FBE589831 ERA589831:ERI589831 EHE589831:EHM589831 DXI589831:DXQ589831 DNM589831:DNU589831 DDQ589831:DDY589831 CTU589831:CUC589831 CJY589831:CKG589831 CAC589831:CAK589831 BQG589831:BQO589831 BGK589831:BGS589831 AWO589831:AWW589831 AMS589831:ANA589831 ACW589831:ADE589831 TA589831:TI589831 JE589831:JM589831 I589831:Q589831 WVQ524295:WVY524295 WLU524295:WMC524295 WBY524295:WCG524295 VSC524295:VSK524295 VIG524295:VIO524295 UYK524295:UYS524295 UOO524295:UOW524295 UES524295:UFA524295 TUW524295:TVE524295 TLA524295:TLI524295 TBE524295:TBM524295 SRI524295:SRQ524295 SHM524295:SHU524295 RXQ524295:RXY524295 RNU524295:ROC524295 RDY524295:REG524295 QUC524295:QUK524295 QKG524295:QKO524295 QAK524295:QAS524295 PQO524295:PQW524295 PGS524295:PHA524295 OWW524295:OXE524295 ONA524295:ONI524295 ODE524295:ODM524295 NTI524295:NTQ524295 NJM524295:NJU524295 MZQ524295:MZY524295 MPU524295:MQC524295 MFY524295:MGG524295 LWC524295:LWK524295 LMG524295:LMO524295 LCK524295:LCS524295 KSO524295:KSW524295 KIS524295:KJA524295 JYW524295:JZE524295 JPA524295:JPI524295 JFE524295:JFM524295 IVI524295:IVQ524295 ILM524295:ILU524295 IBQ524295:IBY524295 HRU524295:HSC524295 HHY524295:HIG524295 GYC524295:GYK524295 GOG524295:GOO524295 GEK524295:GES524295 FUO524295:FUW524295 FKS524295:FLA524295 FAW524295:FBE524295 ERA524295:ERI524295 EHE524295:EHM524295 DXI524295:DXQ524295 DNM524295:DNU524295 DDQ524295:DDY524295 CTU524295:CUC524295 CJY524295:CKG524295 CAC524295:CAK524295 BQG524295:BQO524295 BGK524295:BGS524295 AWO524295:AWW524295 AMS524295:ANA524295 ACW524295:ADE524295 TA524295:TI524295 JE524295:JM524295 I524295:Q524295 WVQ458759:WVY458759 WLU458759:WMC458759 WBY458759:WCG458759 VSC458759:VSK458759 VIG458759:VIO458759 UYK458759:UYS458759 UOO458759:UOW458759 UES458759:UFA458759 TUW458759:TVE458759 TLA458759:TLI458759 TBE458759:TBM458759 SRI458759:SRQ458759 SHM458759:SHU458759 RXQ458759:RXY458759 RNU458759:ROC458759 RDY458759:REG458759 QUC458759:QUK458759 QKG458759:QKO458759 QAK458759:QAS458759 PQO458759:PQW458759 PGS458759:PHA458759 OWW458759:OXE458759 ONA458759:ONI458759 ODE458759:ODM458759 NTI458759:NTQ458759 NJM458759:NJU458759 MZQ458759:MZY458759 MPU458759:MQC458759 MFY458759:MGG458759 LWC458759:LWK458759 LMG458759:LMO458759 LCK458759:LCS458759 KSO458759:KSW458759 KIS458759:KJA458759 JYW458759:JZE458759 JPA458759:JPI458759 JFE458759:JFM458759 IVI458759:IVQ458759 ILM458759:ILU458759 IBQ458759:IBY458759 HRU458759:HSC458759 HHY458759:HIG458759 GYC458759:GYK458759 GOG458759:GOO458759 GEK458759:GES458759 FUO458759:FUW458759 FKS458759:FLA458759 FAW458759:FBE458759 ERA458759:ERI458759 EHE458759:EHM458759 DXI458759:DXQ458759 DNM458759:DNU458759 DDQ458759:DDY458759 CTU458759:CUC458759 CJY458759:CKG458759 CAC458759:CAK458759 BQG458759:BQO458759 BGK458759:BGS458759 AWO458759:AWW458759 AMS458759:ANA458759 ACW458759:ADE458759 TA458759:TI458759 JE458759:JM458759 I458759:Q458759 WVQ393223:WVY393223 WLU393223:WMC393223 WBY393223:WCG393223 VSC393223:VSK393223 VIG393223:VIO393223 UYK393223:UYS393223 UOO393223:UOW393223 UES393223:UFA393223 TUW393223:TVE393223 TLA393223:TLI393223 TBE393223:TBM393223 SRI393223:SRQ393223 SHM393223:SHU393223 RXQ393223:RXY393223 RNU393223:ROC393223 RDY393223:REG393223 QUC393223:QUK393223 QKG393223:QKO393223 QAK393223:QAS393223 PQO393223:PQW393223 PGS393223:PHA393223 OWW393223:OXE393223 ONA393223:ONI393223 ODE393223:ODM393223 NTI393223:NTQ393223 NJM393223:NJU393223 MZQ393223:MZY393223 MPU393223:MQC393223 MFY393223:MGG393223 LWC393223:LWK393223 LMG393223:LMO393223 LCK393223:LCS393223 KSO393223:KSW393223 KIS393223:KJA393223 JYW393223:JZE393223 JPA393223:JPI393223 JFE393223:JFM393223 IVI393223:IVQ393223 ILM393223:ILU393223 IBQ393223:IBY393223 HRU393223:HSC393223 HHY393223:HIG393223 GYC393223:GYK393223 GOG393223:GOO393223 GEK393223:GES393223 FUO393223:FUW393223 FKS393223:FLA393223 FAW393223:FBE393223 ERA393223:ERI393223 EHE393223:EHM393223 DXI393223:DXQ393223 DNM393223:DNU393223 DDQ393223:DDY393223 CTU393223:CUC393223 CJY393223:CKG393223 CAC393223:CAK393223 BQG393223:BQO393223 BGK393223:BGS393223 AWO393223:AWW393223 AMS393223:ANA393223 ACW393223:ADE393223 TA393223:TI393223 JE393223:JM393223 I393223:Q393223 WVQ327687:WVY327687 WLU327687:WMC327687 WBY327687:WCG327687 VSC327687:VSK327687 VIG327687:VIO327687 UYK327687:UYS327687 UOO327687:UOW327687 UES327687:UFA327687 TUW327687:TVE327687 TLA327687:TLI327687 TBE327687:TBM327687 SRI327687:SRQ327687 SHM327687:SHU327687 RXQ327687:RXY327687 RNU327687:ROC327687 RDY327687:REG327687 QUC327687:QUK327687 QKG327687:QKO327687 QAK327687:QAS327687 PQO327687:PQW327687 PGS327687:PHA327687 OWW327687:OXE327687 ONA327687:ONI327687 ODE327687:ODM327687 NTI327687:NTQ327687 NJM327687:NJU327687 MZQ327687:MZY327687 MPU327687:MQC327687 MFY327687:MGG327687 LWC327687:LWK327687 LMG327687:LMO327687 LCK327687:LCS327687 KSO327687:KSW327687 KIS327687:KJA327687 JYW327687:JZE327687 JPA327687:JPI327687 JFE327687:JFM327687 IVI327687:IVQ327687 ILM327687:ILU327687 IBQ327687:IBY327687 HRU327687:HSC327687 HHY327687:HIG327687 GYC327687:GYK327687 GOG327687:GOO327687 GEK327687:GES327687 FUO327687:FUW327687 FKS327687:FLA327687 FAW327687:FBE327687 ERA327687:ERI327687 EHE327687:EHM327687 DXI327687:DXQ327687 DNM327687:DNU327687 DDQ327687:DDY327687 CTU327687:CUC327687 CJY327687:CKG327687 CAC327687:CAK327687 BQG327687:BQO327687 BGK327687:BGS327687 AWO327687:AWW327687 AMS327687:ANA327687 ACW327687:ADE327687 TA327687:TI327687 JE327687:JM327687 I327687:Q327687 WVQ262151:WVY262151 WLU262151:WMC262151 WBY262151:WCG262151 VSC262151:VSK262151 VIG262151:VIO262151 UYK262151:UYS262151 UOO262151:UOW262151 UES262151:UFA262151 TUW262151:TVE262151 TLA262151:TLI262151 TBE262151:TBM262151 SRI262151:SRQ262151 SHM262151:SHU262151 RXQ262151:RXY262151 RNU262151:ROC262151 RDY262151:REG262151 QUC262151:QUK262151 QKG262151:QKO262151 QAK262151:QAS262151 PQO262151:PQW262151 PGS262151:PHA262151 OWW262151:OXE262151 ONA262151:ONI262151 ODE262151:ODM262151 NTI262151:NTQ262151 NJM262151:NJU262151 MZQ262151:MZY262151 MPU262151:MQC262151 MFY262151:MGG262151 LWC262151:LWK262151 LMG262151:LMO262151 LCK262151:LCS262151 KSO262151:KSW262151 KIS262151:KJA262151 JYW262151:JZE262151 JPA262151:JPI262151 JFE262151:JFM262151 IVI262151:IVQ262151 ILM262151:ILU262151 IBQ262151:IBY262151 HRU262151:HSC262151 HHY262151:HIG262151 GYC262151:GYK262151 GOG262151:GOO262151 GEK262151:GES262151 FUO262151:FUW262151 FKS262151:FLA262151 FAW262151:FBE262151 ERA262151:ERI262151 EHE262151:EHM262151 DXI262151:DXQ262151 DNM262151:DNU262151 DDQ262151:DDY262151 CTU262151:CUC262151 CJY262151:CKG262151 CAC262151:CAK262151 BQG262151:BQO262151 BGK262151:BGS262151 AWO262151:AWW262151 AMS262151:ANA262151 ACW262151:ADE262151 TA262151:TI262151 JE262151:JM262151 I262151:Q262151 WVQ196615:WVY196615 WLU196615:WMC196615 WBY196615:WCG196615 VSC196615:VSK196615 VIG196615:VIO196615 UYK196615:UYS196615 UOO196615:UOW196615 UES196615:UFA196615 TUW196615:TVE196615 TLA196615:TLI196615 TBE196615:TBM196615 SRI196615:SRQ196615 SHM196615:SHU196615 RXQ196615:RXY196615 RNU196615:ROC196615 RDY196615:REG196615 QUC196615:QUK196615 QKG196615:QKO196615 QAK196615:QAS196615 PQO196615:PQW196615 PGS196615:PHA196615 OWW196615:OXE196615 ONA196615:ONI196615 ODE196615:ODM196615 NTI196615:NTQ196615 NJM196615:NJU196615 MZQ196615:MZY196615 MPU196615:MQC196615 MFY196615:MGG196615 LWC196615:LWK196615 LMG196615:LMO196615 LCK196615:LCS196615 KSO196615:KSW196615 KIS196615:KJA196615 JYW196615:JZE196615 JPA196615:JPI196615 JFE196615:JFM196615 IVI196615:IVQ196615 ILM196615:ILU196615 IBQ196615:IBY196615 HRU196615:HSC196615 HHY196615:HIG196615 GYC196615:GYK196615 GOG196615:GOO196615 GEK196615:GES196615 FUO196615:FUW196615 FKS196615:FLA196615 FAW196615:FBE196615 ERA196615:ERI196615 EHE196615:EHM196615 DXI196615:DXQ196615 DNM196615:DNU196615 DDQ196615:DDY196615 CTU196615:CUC196615 CJY196615:CKG196615 CAC196615:CAK196615 BQG196615:BQO196615 BGK196615:BGS196615 AWO196615:AWW196615 AMS196615:ANA196615 ACW196615:ADE196615 TA196615:TI196615 JE196615:JM196615 I196615:Q196615 WVQ131079:WVY131079 WLU131079:WMC131079 WBY131079:WCG131079 VSC131079:VSK131079 VIG131079:VIO131079 UYK131079:UYS131079 UOO131079:UOW131079 UES131079:UFA131079 TUW131079:TVE131079 TLA131079:TLI131079 TBE131079:TBM131079 SRI131079:SRQ131079 SHM131079:SHU131079 RXQ131079:RXY131079 RNU131079:ROC131079 RDY131079:REG131079 QUC131079:QUK131079 QKG131079:QKO131079 QAK131079:QAS131079 PQO131079:PQW131079 PGS131079:PHA131079 OWW131079:OXE131079 ONA131079:ONI131079 ODE131079:ODM131079 NTI131079:NTQ131079 NJM131079:NJU131079 MZQ131079:MZY131079 MPU131079:MQC131079 MFY131079:MGG131079 LWC131079:LWK131079 LMG131079:LMO131079 LCK131079:LCS131079 KSO131079:KSW131079 KIS131079:KJA131079 JYW131079:JZE131079 JPA131079:JPI131079 JFE131079:JFM131079 IVI131079:IVQ131079 ILM131079:ILU131079 IBQ131079:IBY131079 HRU131079:HSC131079 HHY131079:HIG131079 GYC131079:GYK131079 GOG131079:GOO131079 GEK131079:GES131079 FUO131079:FUW131079 FKS131079:FLA131079 FAW131079:FBE131079 ERA131079:ERI131079 EHE131079:EHM131079 DXI131079:DXQ131079 DNM131079:DNU131079 DDQ131079:DDY131079 CTU131079:CUC131079 CJY131079:CKG131079 CAC131079:CAK131079 BQG131079:BQO131079 BGK131079:BGS131079 AWO131079:AWW131079 AMS131079:ANA131079 ACW131079:ADE131079 TA131079:TI131079 JE131079:JM131079 I131079:Q131079 WVQ65543:WVY65543 WLU65543:WMC65543 WBY65543:WCG65543 VSC65543:VSK65543 VIG65543:VIO65543 UYK65543:UYS65543 UOO65543:UOW65543 UES65543:UFA65543 TUW65543:TVE65543 TLA65543:TLI65543 TBE65543:TBM65543 SRI65543:SRQ65543 SHM65543:SHU65543 RXQ65543:RXY65543 RNU65543:ROC65543 RDY65543:REG65543 QUC65543:QUK65543 QKG65543:QKO65543 QAK65543:QAS65543 PQO65543:PQW65543 PGS65543:PHA65543 OWW65543:OXE65543 ONA65543:ONI65543 ODE65543:ODM65543 NTI65543:NTQ65543 NJM65543:NJU65543 MZQ65543:MZY65543 MPU65543:MQC65543 MFY65543:MGG65543 LWC65543:LWK65543 LMG65543:LMO65543 LCK65543:LCS65543 KSO65543:KSW65543 KIS65543:KJA65543 JYW65543:JZE65543 JPA65543:JPI65543 JFE65543:JFM65543 IVI65543:IVQ65543 ILM65543:ILU65543 IBQ65543:IBY65543 HRU65543:HSC65543 HHY65543:HIG65543 GYC65543:GYK65543 GOG65543:GOO65543 GEK65543:GES65543 FUO65543:FUW65543 FKS65543:FLA65543 FAW65543:FBE65543 ERA65543:ERI65543 EHE65543:EHM65543 DXI65543:DXQ65543 DNM65543:DNU65543 DDQ65543:DDY65543 CTU65543:CUC65543 CJY65543:CKG65543 CAC65543:CAK65543 BQG65543:BQO65543 BGK65543:BGS65543 AWO65543:AWW65543 AMS65543:ANA65543 ACW65543:ADE65543 TA65543:TI65543 JE65543:JM65543 I65543:Q65543 WVK983046 WLO983046 WBS983046 VRW983046 VIA983046 UYE983046 UOI983046 UEM983046 TUQ983046 TKU983046 TAY983046 SRC983046 SHG983046 RXK983046 RNO983046 RDS983046 QTW983046 QKA983046 QAE983046 PQI983046 PGM983046 OWQ983046 OMU983046 OCY983046 NTC983046 NJG983046 MZK983046 MPO983046 MFS983046 LVW983046 LMA983046 LCE983046 KSI983046 KIM983046 JYQ983046 JOU983046 JEY983046 IVC983046 ILG983046 IBK983046 HRO983046 HHS983046 GXW983046 GOA983046 GEE983046 FUI983046 FKM983046 FAQ983046 EQU983046 EGY983046 DXC983046 DNG983046 DDK983046 CTO983046 CJS983046 BZW983046 BQA983046 BGE983046 AWI983046 AMM983046 ACQ983046 SU983046 IY983046 C983046 WVK917510 WLO917510 WBS917510 VRW917510 VIA917510 UYE917510 UOI917510 UEM917510 TUQ917510 TKU917510 TAY917510 SRC917510 SHG917510 RXK917510 RNO917510 RDS917510 QTW917510 QKA917510 QAE917510 PQI917510 PGM917510 OWQ917510 OMU917510 OCY917510 NTC917510 NJG917510 MZK917510 MPO917510 MFS917510 LVW917510 LMA917510 LCE917510 KSI917510 KIM917510 JYQ917510 JOU917510 JEY917510 IVC917510 ILG917510 IBK917510 HRO917510 HHS917510 GXW917510 GOA917510 GEE917510 FUI917510 FKM917510 FAQ917510 EQU917510 EGY917510 DXC917510 DNG917510 DDK917510 CTO917510 CJS917510 BZW917510 BQA917510 BGE917510 AWI917510 AMM917510 ACQ917510 SU917510 IY917510 C917510 WVK851974 WLO851974 WBS851974 VRW851974 VIA851974 UYE851974 UOI851974 UEM851974 TUQ851974 TKU851974 TAY851974 SRC851974 SHG851974 RXK851974 RNO851974 RDS851974 QTW851974 QKA851974 QAE851974 PQI851974 PGM851974 OWQ851974 OMU851974 OCY851974 NTC851974 NJG851974 MZK851974 MPO851974 MFS851974 LVW851974 LMA851974 LCE851974 KSI851974 KIM851974 JYQ851974 JOU851974 JEY851974 IVC851974 ILG851974 IBK851974 HRO851974 HHS851974 GXW851974 GOA851974 GEE851974 FUI851974 FKM851974 FAQ851974 EQU851974 EGY851974 DXC851974 DNG851974 DDK851974 CTO851974 CJS851974 BZW851974 BQA851974 BGE851974 AWI851974 AMM851974 ACQ851974 SU851974 IY851974 C851974 WVK786438 WLO786438 WBS786438 VRW786438 VIA786438 UYE786438 UOI786438 UEM786438 TUQ786438 TKU786438 TAY786438 SRC786438 SHG786438 RXK786438 RNO786438 RDS786438 QTW786438 QKA786438 QAE786438 PQI786438 PGM786438 OWQ786438 OMU786438 OCY786438 NTC786438 NJG786438 MZK786438 MPO786438 MFS786438 LVW786438 LMA786438 LCE786438 KSI786438 KIM786438 JYQ786438 JOU786438 JEY786438 IVC786438 ILG786438 IBK786438 HRO786438 HHS786438 GXW786438 GOA786438 GEE786438 FUI786438 FKM786438 FAQ786438 EQU786438 EGY786438 DXC786438 DNG786438 DDK786438 CTO786438 CJS786438 BZW786438 BQA786438 BGE786438 AWI786438 AMM786438 ACQ786438 SU786438 IY786438 C786438 WVK720902 WLO720902 WBS720902 VRW720902 VIA720902 UYE720902 UOI720902 UEM720902 TUQ720902 TKU720902 TAY720902 SRC720902 SHG720902 RXK720902 RNO720902 RDS720902 QTW720902 QKA720902 QAE720902 PQI720902 PGM720902 OWQ720902 OMU720902 OCY720902 NTC720902 NJG720902 MZK720902 MPO720902 MFS720902 LVW720902 LMA720902 LCE720902 KSI720902 KIM720902 JYQ720902 JOU720902 JEY720902 IVC720902 ILG720902 IBK720902 HRO720902 HHS720902 GXW720902 GOA720902 GEE720902 FUI720902 FKM720902 FAQ720902 EQU720902 EGY720902 DXC720902 DNG720902 DDK720902 CTO720902 CJS720902 BZW720902 BQA720902 BGE720902 AWI720902 AMM720902 ACQ720902 SU720902 IY720902 C720902 WVK655366 WLO655366 WBS655366 VRW655366 VIA655366 UYE655366 UOI655366 UEM655366 TUQ655366 TKU655366 TAY655366 SRC655366 SHG655366 RXK655366 RNO655366 RDS655366 QTW655366 QKA655366 QAE655366 PQI655366 PGM655366 OWQ655366 OMU655366 OCY655366 NTC655366 NJG655366 MZK655366 MPO655366 MFS655366 LVW655366 LMA655366 LCE655366 KSI655366 KIM655366 JYQ655366 JOU655366 JEY655366 IVC655366 ILG655366 IBK655366 HRO655366 HHS655366 GXW655366 GOA655366 GEE655366 FUI655366 FKM655366 FAQ655366 EQU655366 EGY655366 DXC655366 DNG655366 DDK655366 CTO655366 CJS655366 BZW655366 BQA655366 BGE655366 AWI655366 AMM655366 ACQ655366 SU655366 IY655366 C655366 WVK589830 WLO589830 WBS589830 VRW589830 VIA589830 UYE589830 UOI589830 UEM589830 TUQ589830 TKU589830 TAY589830 SRC589830 SHG589830 RXK589830 RNO589830 RDS589830 QTW589830 QKA589830 QAE589830 PQI589830 PGM589830 OWQ589830 OMU589830 OCY589830 NTC589830 NJG589830 MZK589830 MPO589830 MFS589830 LVW589830 LMA589830 LCE589830 KSI589830 KIM589830 JYQ589830 JOU589830 JEY589830 IVC589830 ILG589830 IBK589830 HRO589830 HHS589830 GXW589830 GOA589830 GEE589830 FUI589830 FKM589830 FAQ589830 EQU589830 EGY589830 DXC589830 DNG589830 DDK589830 CTO589830 CJS589830 BZW589830 BQA589830 BGE589830 AWI589830 AMM589830 ACQ589830 SU589830 IY589830 C589830 WVK524294 WLO524294 WBS524294 VRW524294 VIA524294 UYE524294 UOI524294 UEM524294 TUQ524294 TKU524294 TAY524294 SRC524294 SHG524294 RXK524294 RNO524294 RDS524294 QTW524294 QKA524294 QAE524294 PQI524294 PGM524294 OWQ524294 OMU524294 OCY524294 NTC524294 NJG524294 MZK524294 MPO524294 MFS524294 LVW524294 LMA524294 LCE524294 KSI524294 KIM524294 JYQ524294 JOU524294 JEY524294 IVC524294 ILG524294 IBK524294 HRO524294 HHS524294 GXW524294 GOA524294 GEE524294 FUI524294 FKM524294 FAQ524294 EQU524294 EGY524294 DXC524294 DNG524294 DDK524294 CTO524294 CJS524294 BZW524294 BQA524294 BGE524294 AWI524294 AMM524294 ACQ524294 SU524294 IY524294 C524294 WVK458758 WLO458758 WBS458758 VRW458758 VIA458758 UYE458758 UOI458758 UEM458758 TUQ458758 TKU458758 TAY458758 SRC458758 SHG458758 RXK458758 RNO458758 RDS458758 QTW458758 QKA458758 QAE458758 PQI458758 PGM458758 OWQ458758 OMU458758 OCY458758 NTC458758 NJG458758 MZK458758 MPO458758 MFS458758 LVW458758 LMA458758 LCE458758 KSI458758 KIM458758 JYQ458758 JOU458758 JEY458758 IVC458758 ILG458758 IBK458758 HRO458758 HHS458758 GXW458758 GOA458758 GEE458758 FUI458758 FKM458758 FAQ458758 EQU458758 EGY458758 DXC458758 DNG458758 DDK458758 CTO458758 CJS458758 BZW458758 BQA458758 BGE458758 AWI458758 AMM458758 ACQ458758 SU458758 IY458758 C458758 WVK393222 WLO393222 WBS393222 VRW393222 VIA393222 UYE393222 UOI393222 UEM393222 TUQ393222 TKU393222 TAY393222 SRC393222 SHG393222 RXK393222 RNO393222 RDS393222 QTW393222 QKA393222 QAE393222 PQI393222 PGM393222 OWQ393222 OMU393222 OCY393222 NTC393222 NJG393222 MZK393222 MPO393222 MFS393222 LVW393222 LMA393222 LCE393222 KSI393222 KIM393222 JYQ393222 JOU393222 JEY393222 IVC393222 ILG393222 IBK393222 HRO393222 HHS393222 GXW393222 GOA393222 GEE393222 FUI393222 FKM393222 FAQ393222 EQU393222 EGY393222 DXC393222 DNG393222 DDK393222 CTO393222 CJS393222 BZW393222 BQA393222 BGE393222 AWI393222 AMM393222 ACQ393222 SU393222 IY393222 C393222 WVK327686 WLO327686 WBS327686 VRW327686 VIA327686 UYE327686 UOI327686 UEM327686 TUQ327686 TKU327686 TAY327686 SRC327686 SHG327686 RXK327686 RNO327686 RDS327686 QTW327686 QKA327686 QAE327686 PQI327686 PGM327686 OWQ327686 OMU327686 OCY327686 NTC327686 NJG327686 MZK327686 MPO327686 MFS327686 LVW327686 LMA327686 LCE327686 KSI327686 KIM327686 JYQ327686 JOU327686 JEY327686 IVC327686 ILG327686 IBK327686 HRO327686 HHS327686 GXW327686 GOA327686 GEE327686 FUI327686 FKM327686 FAQ327686 EQU327686 EGY327686 DXC327686 DNG327686 DDK327686 CTO327686 CJS327686 BZW327686 BQA327686 BGE327686 AWI327686 AMM327686 ACQ327686 SU327686 IY327686 C327686 WVK262150 WLO262150 WBS262150 VRW262150 VIA262150 UYE262150 UOI262150 UEM262150 TUQ262150 TKU262150 TAY262150 SRC262150 SHG262150 RXK262150 RNO262150 RDS262150 QTW262150 QKA262150 QAE262150 PQI262150 PGM262150 OWQ262150 OMU262150 OCY262150 NTC262150 NJG262150 MZK262150 MPO262150 MFS262150 LVW262150 LMA262150 LCE262150 KSI262150 KIM262150 JYQ262150 JOU262150 JEY262150 IVC262150 ILG262150 IBK262150 HRO262150 HHS262150 GXW262150 GOA262150 GEE262150 FUI262150 FKM262150 FAQ262150 EQU262150 EGY262150 DXC262150 DNG262150 DDK262150 CTO262150 CJS262150 BZW262150 BQA262150 BGE262150 AWI262150 AMM262150 ACQ262150 SU262150 IY262150 C262150 WVK196614 WLO196614 WBS196614 VRW196614 VIA196614 UYE196614 UOI196614 UEM196614 TUQ196614 TKU196614 TAY196614 SRC196614 SHG196614 RXK196614 RNO196614 RDS196614 QTW196614 QKA196614 QAE196614 PQI196614 PGM196614 OWQ196614 OMU196614 OCY196614 NTC196614 NJG196614 MZK196614 MPO196614 MFS196614 LVW196614 LMA196614 LCE196614 KSI196614 KIM196614 JYQ196614 JOU196614 JEY196614 IVC196614 ILG196614 IBK196614 HRO196614 HHS196614 GXW196614 GOA196614 GEE196614 FUI196614 FKM196614 FAQ196614 EQU196614 EGY196614 DXC196614 DNG196614 DDK196614 CTO196614 CJS196614 BZW196614 BQA196614 BGE196614 AWI196614 AMM196614 ACQ196614 SU196614 IY196614 C196614 WVK131078 WLO131078 WBS131078 VRW131078 VIA131078 UYE131078 UOI131078 UEM131078 TUQ131078 TKU131078 TAY131078 SRC131078 SHG131078 RXK131078 RNO131078 RDS131078 QTW131078 QKA131078 QAE131078 PQI131078 PGM131078 OWQ131078 OMU131078 OCY131078 NTC131078 NJG131078 MZK131078 MPO131078 MFS131078 LVW131078 LMA131078 LCE131078 KSI131078 KIM131078 JYQ131078 JOU131078 JEY131078 IVC131078 ILG131078 IBK131078 HRO131078 HHS131078 GXW131078 GOA131078 GEE131078 FUI131078 FKM131078 FAQ131078 EQU131078 EGY131078 DXC131078 DNG131078 DDK131078 CTO131078 CJS131078 BZW131078 BQA131078 BGE131078 AWI131078 AMM131078 ACQ131078 SU131078 IY131078 C131078 WVK65542 WLO65542 WBS65542 VRW65542 VIA65542 UYE65542 UOI65542 UEM65542 TUQ65542 TKU65542 TAY65542 SRC65542 SHG65542 RXK65542 RNO65542 RDS65542 QTW65542 QKA65542 QAE65542 PQI65542 PGM65542 OWQ65542 OMU65542 OCY65542 NTC65542 NJG65542 MZK65542 MPO65542 MFS65542 LVW65542 LMA65542 LCE65542 KSI65542 KIM65542 JYQ65542 JOU65542 JEY65542 IVC65542 ILG65542 IBK65542 HRO65542 HHS65542 GXW65542 GOA65542 GEE65542 FUI65542 FKM65542 FAQ65542 EQU65542 EGY65542 DXC65542 DNG65542 DDK65542 CTO65542 CJS65542 BZW65542 BQA65542 BGE65542 AWI65542 AMM65542 ACQ65542 SU65542 IY65542 C65542">
      <formula1>C65542=DBCS(C65542)</formula1>
    </dataValidation>
    <dataValidation type="custom" imeMode="halfAlpha" allowBlank="1" showInputMessage="1" showErrorMessage="1" sqref="WVQ983046 WLU983046 WBY983046 VSC983046 VIG983046 UYK983046 UOO983046 UES983046 TUW983046 TLA983046 TBE983046 SRI983046 SHM983046 RXQ983046 RNU983046 RDY983046 QUC983046 QKG983046 QAK983046 PQO983046 PGS983046 OWW983046 ONA983046 ODE983046 NTI983046 NJM983046 MZQ983046 MPU983046 MFY983046 LWC983046 LMG983046 LCK983046 KSO983046 KIS983046 JYW983046 JPA983046 JFE983046 IVI983046 ILM983046 IBQ983046 HRU983046 HHY983046 GYC983046 GOG983046 GEK983046 FUO983046 FKS983046 FAW983046 ERA983046 EHE983046 DXI983046 DNM983046 DDQ983046 CTU983046 CJY983046 CAC983046 BQG983046 BGK983046 AWO983046 AMS983046 ACW983046 TA983046 JE983046 I983046 WVQ917510 WLU917510 WBY917510 VSC917510 VIG917510 UYK917510 UOO917510 UES917510 TUW917510 TLA917510 TBE917510 SRI917510 SHM917510 RXQ917510 RNU917510 RDY917510 QUC917510 QKG917510 QAK917510 PQO917510 PGS917510 OWW917510 ONA917510 ODE917510 NTI917510 NJM917510 MZQ917510 MPU917510 MFY917510 LWC917510 LMG917510 LCK917510 KSO917510 KIS917510 JYW917510 JPA917510 JFE917510 IVI917510 ILM917510 IBQ917510 HRU917510 HHY917510 GYC917510 GOG917510 GEK917510 FUO917510 FKS917510 FAW917510 ERA917510 EHE917510 DXI917510 DNM917510 DDQ917510 CTU917510 CJY917510 CAC917510 BQG917510 BGK917510 AWO917510 AMS917510 ACW917510 TA917510 JE917510 I917510 WVQ851974 WLU851974 WBY851974 VSC851974 VIG851974 UYK851974 UOO851974 UES851974 TUW851974 TLA851974 TBE851974 SRI851974 SHM851974 RXQ851974 RNU851974 RDY851974 QUC851974 QKG851974 QAK851974 PQO851974 PGS851974 OWW851974 ONA851974 ODE851974 NTI851974 NJM851974 MZQ851974 MPU851974 MFY851974 LWC851974 LMG851974 LCK851974 KSO851974 KIS851974 JYW851974 JPA851974 JFE851974 IVI851974 ILM851974 IBQ851974 HRU851974 HHY851974 GYC851974 GOG851974 GEK851974 FUO851974 FKS851974 FAW851974 ERA851974 EHE851974 DXI851974 DNM851974 DDQ851974 CTU851974 CJY851974 CAC851974 BQG851974 BGK851974 AWO851974 AMS851974 ACW851974 TA851974 JE851974 I851974 WVQ786438 WLU786438 WBY786438 VSC786438 VIG786438 UYK786438 UOO786438 UES786438 TUW786438 TLA786438 TBE786438 SRI786438 SHM786438 RXQ786438 RNU786438 RDY786438 QUC786438 QKG786438 QAK786438 PQO786438 PGS786438 OWW786438 ONA786438 ODE786438 NTI786438 NJM786438 MZQ786438 MPU786438 MFY786438 LWC786438 LMG786438 LCK786438 KSO786438 KIS786438 JYW786438 JPA786438 JFE786438 IVI786438 ILM786438 IBQ786438 HRU786438 HHY786438 GYC786438 GOG786438 GEK786438 FUO786438 FKS786438 FAW786438 ERA786438 EHE786438 DXI786438 DNM786438 DDQ786438 CTU786438 CJY786438 CAC786438 BQG786438 BGK786438 AWO786438 AMS786438 ACW786438 TA786438 JE786438 I786438 WVQ720902 WLU720902 WBY720902 VSC720902 VIG720902 UYK720902 UOO720902 UES720902 TUW720902 TLA720902 TBE720902 SRI720902 SHM720902 RXQ720902 RNU720902 RDY720902 QUC720902 QKG720902 QAK720902 PQO720902 PGS720902 OWW720902 ONA720902 ODE720902 NTI720902 NJM720902 MZQ720902 MPU720902 MFY720902 LWC720902 LMG720902 LCK720902 KSO720902 KIS720902 JYW720902 JPA720902 JFE720902 IVI720902 ILM720902 IBQ720902 HRU720902 HHY720902 GYC720902 GOG720902 GEK720902 FUO720902 FKS720902 FAW720902 ERA720902 EHE720902 DXI720902 DNM720902 DDQ720902 CTU720902 CJY720902 CAC720902 BQG720902 BGK720902 AWO720902 AMS720902 ACW720902 TA720902 JE720902 I720902 WVQ655366 WLU655366 WBY655366 VSC655366 VIG655366 UYK655366 UOO655366 UES655366 TUW655366 TLA655366 TBE655366 SRI655366 SHM655366 RXQ655366 RNU655366 RDY655366 QUC655366 QKG655366 QAK655366 PQO655366 PGS655366 OWW655366 ONA655366 ODE655366 NTI655366 NJM655366 MZQ655366 MPU655366 MFY655366 LWC655366 LMG655366 LCK655366 KSO655366 KIS655366 JYW655366 JPA655366 JFE655366 IVI655366 ILM655366 IBQ655366 HRU655366 HHY655366 GYC655366 GOG655366 GEK655366 FUO655366 FKS655366 FAW655366 ERA655366 EHE655366 DXI655366 DNM655366 DDQ655366 CTU655366 CJY655366 CAC655366 BQG655366 BGK655366 AWO655366 AMS655366 ACW655366 TA655366 JE655366 I655366 WVQ589830 WLU589830 WBY589830 VSC589830 VIG589830 UYK589830 UOO589830 UES589830 TUW589830 TLA589830 TBE589830 SRI589830 SHM589830 RXQ589830 RNU589830 RDY589830 QUC589830 QKG589830 QAK589830 PQO589830 PGS589830 OWW589830 ONA589830 ODE589830 NTI589830 NJM589830 MZQ589830 MPU589830 MFY589830 LWC589830 LMG589830 LCK589830 KSO589830 KIS589830 JYW589830 JPA589830 JFE589830 IVI589830 ILM589830 IBQ589830 HRU589830 HHY589830 GYC589830 GOG589830 GEK589830 FUO589830 FKS589830 FAW589830 ERA589830 EHE589830 DXI589830 DNM589830 DDQ589830 CTU589830 CJY589830 CAC589830 BQG589830 BGK589830 AWO589830 AMS589830 ACW589830 TA589830 JE589830 I589830 WVQ524294 WLU524294 WBY524294 VSC524294 VIG524294 UYK524294 UOO524294 UES524294 TUW524294 TLA524294 TBE524294 SRI524294 SHM524294 RXQ524294 RNU524294 RDY524294 QUC524294 QKG524294 QAK524294 PQO524294 PGS524294 OWW524294 ONA524294 ODE524294 NTI524294 NJM524294 MZQ524294 MPU524294 MFY524294 LWC524294 LMG524294 LCK524294 KSO524294 KIS524294 JYW524294 JPA524294 JFE524294 IVI524294 ILM524294 IBQ524294 HRU524294 HHY524294 GYC524294 GOG524294 GEK524294 FUO524294 FKS524294 FAW524294 ERA524294 EHE524294 DXI524294 DNM524294 DDQ524294 CTU524294 CJY524294 CAC524294 BQG524294 BGK524294 AWO524294 AMS524294 ACW524294 TA524294 JE524294 I524294 WVQ458758 WLU458758 WBY458758 VSC458758 VIG458758 UYK458758 UOO458758 UES458758 TUW458758 TLA458758 TBE458758 SRI458758 SHM458758 RXQ458758 RNU458758 RDY458758 QUC458758 QKG458758 QAK458758 PQO458758 PGS458758 OWW458758 ONA458758 ODE458758 NTI458758 NJM458758 MZQ458758 MPU458758 MFY458758 LWC458758 LMG458758 LCK458758 KSO458758 KIS458758 JYW458758 JPA458758 JFE458758 IVI458758 ILM458758 IBQ458758 HRU458758 HHY458758 GYC458758 GOG458758 GEK458758 FUO458758 FKS458758 FAW458758 ERA458758 EHE458758 DXI458758 DNM458758 DDQ458758 CTU458758 CJY458758 CAC458758 BQG458758 BGK458758 AWO458758 AMS458758 ACW458758 TA458758 JE458758 I458758 WVQ393222 WLU393222 WBY393222 VSC393222 VIG393222 UYK393222 UOO393222 UES393222 TUW393222 TLA393222 TBE393222 SRI393222 SHM393222 RXQ393222 RNU393222 RDY393222 QUC393222 QKG393222 QAK393222 PQO393222 PGS393222 OWW393222 ONA393222 ODE393222 NTI393222 NJM393222 MZQ393222 MPU393222 MFY393222 LWC393222 LMG393222 LCK393222 KSO393222 KIS393222 JYW393222 JPA393222 JFE393222 IVI393222 ILM393222 IBQ393222 HRU393222 HHY393222 GYC393222 GOG393222 GEK393222 FUO393222 FKS393222 FAW393222 ERA393222 EHE393222 DXI393222 DNM393222 DDQ393222 CTU393222 CJY393222 CAC393222 BQG393222 BGK393222 AWO393222 AMS393222 ACW393222 TA393222 JE393222 I393222 WVQ327686 WLU327686 WBY327686 VSC327686 VIG327686 UYK327686 UOO327686 UES327686 TUW327686 TLA327686 TBE327686 SRI327686 SHM327686 RXQ327686 RNU327686 RDY327686 QUC327686 QKG327686 QAK327686 PQO327686 PGS327686 OWW327686 ONA327686 ODE327686 NTI327686 NJM327686 MZQ327686 MPU327686 MFY327686 LWC327686 LMG327686 LCK327686 KSO327686 KIS327686 JYW327686 JPA327686 JFE327686 IVI327686 ILM327686 IBQ327686 HRU327686 HHY327686 GYC327686 GOG327686 GEK327686 FUO327686 FKS327686 FAW327686 ERA327686 EHE327686 DXI327686 DNM327686 DDQ327686 CTU327686 CJY327686 CAC327686 BQG327686 BGK327686 AWO327686 AMS327686 ACW327686 TA327686 JE327686 I327686 WVQ262150 WLU262150 WBY262150 VSC262150 VIG262150 UYK262150 UOO262150 UES262150 TUW262150 TLA262150 TBE262150 SRI262150 SHM262150 RXQ262150 RNU262150 RDY262150 QUC262150 QKG262150 QAK262150 PQO262150 PGS262150 OWW262150 ONA262150 ODE262150 NTI262150 NJM262150 MZQ262150 MPU262150 MFY262150 LWC262150 LMG262150 LCK262150 KSO262150 KIS262150 JYW262150 JPA262150 JFE262150 IVI262150 ILM262150 IBQ262150 HRU262150 HHY262150 GYC262150 GOG262150 GEK262150 FUO262150 FKS262150 FAW262150 ERA262150 EHE262150 DXI262150 DNM262150 DDQ262150 CTU262150 CJY262150 CAC262150 BQG262150 BGK262150 AWO262150 AMS262150 ACW262150 TA262150 JE262150 I262150 WVQ196614 WLU196614 WBY196614 VSC196614 VIG196614 UYK196614 UOO196614 UES196614 TUW196614 TLA196614 TBE196614 SRI196614 SHM196614 RXQ196614 RNU196614 RDY196614 QUC196614 QKG196614 QAK196614 PQO196614 PGS196614 OWW196614 ONA196614 ODE196614 NTI196614 NJM196614 MZQ196614 MPU196614 MFY196614 LWC196614 LMG196614 LCK196614 KSO196614 KIS196614 JYW196614 JPA196614 JFE196614 IVI196614 ILM196614 IBQ196614 HRU196614 HHY196614 GYC196614 GOG196614 GEK196614 FUO196614 FKS196614 FAW196614 ERA196614 EHE196614 DXI196614 DNM196614 DDQ196614 CTU196614 CJY196614 CAC196614 BQG196614 BGK196614 AWO196614 AMS196614 ACW196614 TA196614 JE196614 I196614 WVQ131078 WLU131078 WBY131078 VSC131078 VIG131078 UYK131078 UOO131078 UES131078 TUW131078 TLA131078 TBE131078 SRI131078 SHM131078 RXQ131078 RNU131078 RDY131078 QUC131078 QKG131078 QAK131078 PQO131078 PGS131078 OWW131078 ONA131078 ODE131078 NTI131078 NJM131078 MZQ131078 MPU131078 MFY131078 LWC131078 LMG131078 LCK131078 KSO131078 KIS131078 JYW131078 JPA131078 JFE131078 IVI131078 ILM131078 IBQ131078 HRU131078 HHY131078 GYC131078 GOG131078 GEK131078 FUO131078 FKS131078 FAW131078 ERA131078 EHE131078 DXI131078 DNM131078 DDQ131078 CTU131078 CJY131078 CAC131078 BQG131078 BGK131078 AWO131078 AMS131078 ACW131078 TA131078 JE131078 I131078 WVQ65542 WLU65542 WBY65542 VSC65542 VIG65542 UYK65542 UOO65542 UES65542 TUW65542 TLA65542 TBE65542 SRI65542 SHM65542 RXQ65542 RNU65542 RDY65542 QUC65542 QKG65542 QAK65542 PQO65542 PGS65542 OWW65542 ONA65542 ODE65542 NTI65542 NJM65542 MZQ65542 MPU65542 MFY65542 LWC65542 LMG65542 LCK65542 KSO65542 KIS65542 JYW65542 JPA65542 JFE65542 IVI65542 ILM65542 IBQ65542 HRU65542 HHY65542 GYC65542 GOG65542 GEK65542 FUO65542 FKS65542 FAW65542 ERA65542 EHE65542 DXI65542 DNM65542 DDQ65542 CTU65542 CJY65542 CAC65542 BQG65542 BGK65542 AWO65542 AMS65542 ACW65542 TA65542 JE65542 I65542">
      <formula1>I65542&amp;""=ASC(I65542)</formula1>
    </dataValidation>
    <dataValidation imeMode="halfAlpha" allowBlank="1" showInputMessage="1" showErrorMessage="1" sqref="WVW983055:WVY983055 WMA983055:WMC983055 WCE983055:WCG983055 VSI983055:VSK983055 VIM983055:VIO983055 UYQ983055:UYS983055 UOU983055:UOW983055 UEY983055:UFA983055 TVC983055:TVE983055 TLG983055:TLI983055 TBK983055:TBM983055 SRO983055:SRQ983055 SHS983055:SHU983055 RXW983055:RXY983055 ROA983055:ROC983055 REE983055:REG983055 QUI983055:QUK983055 QKM983055:QKO983055 QAQ983055:QAS983055 PQU983055:PQW983055 PGY983055:PHA983055 OXC983055:OXE983055 ONG983055:ONI983055 ODK983055:ODM983055 NTO983055:NTQ983055 NJS983055:NJU983055 MZW983055:MZY983055 MQA983055:MQC983055 MGE983055:MGG983055 LWI983055:LWK983055 LMM983055:LMO983055 LCQ983055:LCS983055 KSU983055:KSW983055 KIY983055:KJA983055 JZC983055:JZE983055 JPG983055:JPI983055 JFK983055:JFM983055 IVO983055:IVQ983055 ILS983055:ILU983055 IBW983055:IBY983055 HSA983055:HSC983055 HIE983055:HIG983055 GYI983055:GYK983055 GOM983055:GOO983055 GEQ983055:GES983055 FUU983055:FUW983055 FKY983055:FLA983055 FBC983055:FBE983055 ERG983055:ERI983055 EHK983055:EHM983055 DXO983055:DXQ983055 DNS983055:DNU983055 DDW983055:DDY983055 CUA983055:CUC983055 CKE983055:CKG983055 CAI983055:CAK983055 BQM983055:BQO983055 BGQ983055:BGS983055 AWU983055:AWW983055 AMY983055:ANA983055 ADC983055:ADE983055 TG983055:TI983055 JK983055:JM983055 O983055:Q983055 WVW917519:WVY917519 WMA917519:WMC917519 WCE917519:WCG917519 VSI917519:VSK917519 VIM917519:VIO917519 UYQ917519:UYS917519 UOU917519:UOW917519 UEY917519:UFA917519 TVC917519:TVE917519 TLG917519:TLI917519 TBK917519:TBM917519 SRO917519:SRQ917519 SHS917519:SHU917519 RXW917519:RXY917519 ROA917519:ROC917519 REE917519:REG917519 QUI917519:QUK917519 QKM917519:QKO917519 QAQ917519:QAS917519 PQU917519:PQW917519 PGY917519:PHA917519 OXC917519:OXE917519 ONG917519:ONI917519 ODK917519:ODM917519 NTO917519:NTQ917519 NJS917519:NJU917519 MZW917519:MZY917519 MQA917519:MQC917519 MGE917519:MGG917519 LWI917519:LWK917519 LMM917519:LMO917519 LCQ917519:LCS917519 KSU917519:KSW917519 KIY917519:KJA917519 JZC917519:JZE917519 JPG917519:JPI917519 JFK917519:JFM917519 IVO917519:IVQ917519 ILS917519:ILU917519 IBW917519:IBY917519 HSA917519:HSC917519 HIE917519:HIG917519 GYI917519:GYK917519 GOM917519:GOO917519 GEQ917519:GES917519 FUU917519:FUW917519 FKY917519:FLA917519 FBC917519:FBE917519 ERG917519:ERI917519 EHK917519:EHM917519 DXO917519:DXQ917519 DNS917519:DNU917519 DDW917519:DDY917519 CUA917519:CUC917519 CKE917519:CKG917519 CAI917519:CAK917519 BQM917519:BQO917519 BGQ917519:BGS917519 AWU917519:AWW917519 AMY917519:ANA917519 ADC917519:ADE917519 TG917519:TI917519 JK917519:JM917519 O917519:Q917519 WVW851983:WVY851983 WMA851983:WMC851983 WCE851983:WCG851983 VSI851983:VSK851983 VIM851983:VIO851983 UYQ851983:UYS851983 UOU851983:UOW851983 UEY851983:UFA851983 TVC851983:TVE851983 TLG851983:TLI851983 TBK851983:TBM851983 SRO851983:SRQ851983 SHS851983:SHU851983 RXW851983:RXY851983 ROA851983:ROC851983 REE851983:REG851983 QUI851983:QUK851983 QKM851983:QKO851983 QAQ851983:QAS851983 PQU851983:PQW851983 PGY851983:PHA851983 OXC851983:OXE851983 ONG851983:ONI851983 ODK851983:ODM851983 NTO851983:NTQ851983 NJS851983:NJU851983 MZW851983:MZY851983 MQA851983:MQC851983 MGE851983:MGG851983 LWI851983:LWK851983 LMM851983:LMO851983 LCQ851983:LCS851983 KSU851983:KSW851983 KIY851983:KJA851983 JZC851983:JZE851983 JPG851983:JPI851983 JFK851983:JFM851983 IVO851983:IVQ851983 ILS851983:ILU851983 IBW851983:IBY851983 HSA851983:HSC851983 HIE851983:HIG851983 GYI851983:GYK851983 GOM851983:GOO851983 GEQ851983:GES851983 FUU851983:FUW851983 FKY851983:FLA851983 FBC851983:FBE851983 ERG851983:ERI851983 EHK851983:EHM851983 DXO851983:DXQ851983 DNS851983:DNU851983 DDW851983:DDY851983 CUA851983:CUC851983 CKE851983:CKG851983 CAI851983:CAK851983 BQM851983:BQO851983 BGQ851983:BGS851983 AWU851983:AWW851983 AMY851983:ANA851983 ADC851983:ADE851983 TG851983:TI851983 JK851983:JM851983 O851983:Q851983 WVW786447:WVY786447 WMA786447:WMC786447 WCE786447:WCG786447 VSI786447:VSK786447 VIM786447:VIO786447 UYQ786447:UYS786447 UOU786447:UOW786447 UEY786447:UFA786447 TVC786447:TVE786447 TLG786447:TLI786447 TBK786447:TBM786447 SRO786447:SRQ786447 SHS786447:SHU786447 RXW786447:RXY786447 ROA786447:ROC786447 REE786447:REG786447 QUI786447:QUK786447 QKM786447:QKO786447 QAQ786447:QAS786447 PQU786447:PQW786447 PGY786447:PHA786447 OXC786447:OXE786447 ONG786447:ONI786447 ODK786447:ODM786447 NTO786447:NTQ786447 NJS786447:NJU786447 MZW786447:MZY786447 MQA786447:MQC786447 MGE786447:MGG786447 LWI786447:LWK786447 LMM786447:LMO786447 LCQ786447:LCS786447 KSU786447:KSW786447 KIY786447:KJA786447 JZC786447:JZE786447 JPG786447:JPI786447 JFK786447:JFM786447 IVO786447:IVQ786447 ILS786447:ILU786447 IBW786447:IBY786447 HSA786447:HSC786447 HIE786447:HIG786447 GYI786447:GYK786447 GOM786447:GOO786447 GEQ786447:GES786447 FUU786447:FUW786447 FKY786447:FLA786447 FBC786447:FBE786447 ERG786447:ERI786447 EHK786447:EHM786447 DXO786447:DXQ786447 DNS786447:DNU786447 DDW786447:DDY786447 CUA786447:CUC786447 CKE786447:CKG786447 CAI786447:CAK786447 BQM786447:BQO786447 BGQ786447:BGS786447 AWU786447:AWW786447 AMY786447:ANA786447 ADC786447:ADE786447 TG786447:TI786447 JK786447:JM786447 O786447:Q786447 WVW720911:WVY720911 WMA720911:WMC720911 WCE720911:WCG720911 VSI720911:VSK720911 VIM720911:VIO720911 UYQ720911:UYS720911 UOU720911:UOW720911 UEY720911:UFA720911 TVC720911:TVE720911 TLG720911:TLI720911 TBK720911:TBM720911 SRO720911:SRQ720911 SHS720911:SHU720911 RXW720911:RXY720911 ROA720911:ROC720911 REE720911:REG720911 QUI720911:QUK720911 QKM720911:QKO720911 QAQ720911:QAS720911 PQU720911:PQW720911 PGY720911:PHA720911 OXC720911:OXE720911 ONG720911:ONI720911 ODK720911:ODM720911 NTO720911:NTQ720911 NJS720911:NJU720911 MZW720911:MZY720911 MQA720911:MQC720911 MGE720911:MGG720911 LWI720911:LWK720911 LMM720911:LMO720911 LCQ720911:LCS720911 KSU720911:KSW720911 KIY720911:KJA720911 JZC720911:JZE720911 JPG720911:JPI720911 JFK720911:JFM720911 IVO720911:IVQ720911 ILS720911:ILU720911 IBW720911:IBY720911 HSA720911:HSC720911 HIE720911:HIG720911 GYI720911:GYK720911 GOM720911:GOO720911 GEQ720911:GES720911 FUU720911:FUW720911 FKY720911:FLA720911 FBC720911:FBE720911 ERG720911:ERI720911 EHK720911:EHM720911 DXO720911:DXQ720911 DNS720911:DNU720911 DDW720911:DDY720911 CUA720911:CUC720911 CKE720911:CKG720911 CAI720911:CAK720911 BQM720911:BQO720911 BGQ720911:BGS720911 AWU720911:AWW720911 AMY720911:ANA720911 ADC720911:ADE720911 TG720911:TI720911 JK720911:JM720911 O720911:Q720911 WVW655375:WVY655375 WMA655375:WMC655375 WCE655375:WCG655375 VSI655375:VSK655375 VIM655375:VIO655375 UYQ655375:UYS655375 UOU655375:UOW655375 UEY655375:UFA655375 TVC655375:TVE655375 TLG655375:TLI655375 TBK655375:TBM655375 SRO655375:SRQ655375 SHS655375:SHU655375 RXW655375:RXY655375 ROA655375:ROC655375 REE655375:REG655375 QUI655375:QUK655375 QKM655375:QKO655375 QAQ655375:QAS655375 PQU655375:PQW655375 PGY655375:PHA655375 OXC655375:OXE655375 ONG655375:ONI655375 ODK655375:ODM655375 NTO655375:NTQ655375 NJS655375:NJU655375 MZW655375:MZY655375 MQA655375:MQC655375 MGE655375:MGG655375 LWI655375:LWK655375 LMM655375:LMO655375 LCQ655375:LCS655375 KSU655375:KSW655375 KIY655375:KJA655375 JZC655375:JZE655375 JPG655375:JPI655375 JFK655375:JFM655375 IVO655375:IVQ655375 ILS655375:ILU655375 IBW655375:IBY655375 HSA655375:HSC655375 HIE655375:HIG655375 GYI655375:GYK655375 GOM655375:GOO655375 GEQ655375:GES655375 FUU655375:FUW655375 FKY655375:FLA655375 FBC655375:FBE655375 ERG655375:ERI655375 EHK655375:EHM655375 DXO655375:DXQ655375 DNS655375:DNU655375 DDW655375:DDY655375 CUA655375:CUC655375 CKE655375:CKG655375 CAI655375:CAK655375 BQM655375:BQO655375 BGQ655375:BGS655375 AWU655375:AWW655375 AMY655375:ANA655375 ADC655375:ADE655375 TG655375:TI655375 JK655375:JM655375 O655375:Q655375 WVW589839:WVY589839 WMA589839:WMC589839 WCE589839:WCG589839 VSI589839:VSK589839 VIM589839:VIO589839 UYQ589839:UYS589839 UOU589839:UOW589839 UEY589839:UFA589839 TVC589839:TVE589839 TLG589839:TLI589839 TBK589839:TBM589839 SRO589839:SRQ589839 SHS589839:SHU589839 RXW589839:RXY589839 ROA589839:ROC589839 REE589839:REG589839 QUI589839:QUK589839 QKM589839:QKO589839 QAQ589839:QAS589839 PQU589839:PQW589839 PGY589839:PHA589839 OXC589839:OXE589839 ONG589839:ONI589839 ODK589839:ODM589839 NTO589839:NTQ589839 NJS589839:NJU589839 MZW589839:MZY589839 MQA589839:MQC589839 MGE589839:MGG589839 LWI589839:LWK589839 LMM589839:LMO589839 LCQ589839:LCS589839 KSU589839:KSW589839 KIY589839:KJA589839 JZC589839:JZE589839 JPG589839:JPI589839 JFK589839:JFM589839 IVO589839:IVQ589839 ILS589839:ILU589839 IBW589839:IBY589839 HSA589839:HSC589839 HIE589839:HIG589839 GYI589839:GYK589839 GOM589839:GOO589839 GEQ589839:GES589839 FUU589839:FUW589839 FKY589839:FLA589839 FBC589839:FBE589839 ERG589839:ERI589839 EHK589839:EHM589839 DXO589839:DXQ589839 DNS589839:DNU589839 DDW589839:DDY589839 CUA589839:CUC589839 CKE589839:CKG589839 CAI589839:CAK589839 BQM589839:BQO589839 BGQ589839:BGS589839 AWU589839:AWW589839 AMY589839:ANA589839 ADC589839:ADE589839 TG589839:TI589839 JK589839:JM589839 O589839:Q589839 WVW524303:WVY524303 WMA524303:WMC524303 WCE524303:WCG524303 VSI524303:VSK524303 VIM524303:VIO524303 UYQ524303:UYS524303 UOU524303:UOW524303 UEY524303:UFA524303 TVC524303:TVE524303 TLG524303:TLI524303 TBK524303:TBM524303 SRO524303:SRQ524303 SHS524303:SHU524303 RXW524303:RXY524303 ROA524303:ROC524303 REE524303:REG524303 QUI524303:QUK524303 QKM524303:QKO524303 QAQ524303:QAS524303 PQU524303:PQW524303 PGY524303:PHA524303 OXC524303:OXE524303 ONG524303:ONI524303 ODK524303:ODM524303 NTO524303:NTQ524303 NJS524303:NJU524303 MZW524303:MZY524303 MQA524303:MQC524303 MGE524303:MGG524303 LWI524303:LWK524303 LMM524303:LMO524303 LCQ524303:LCS524303 KSU524303:KSW524303 KIY524303:KJA524303 JZC524303:JZE524303 JPG524303:JPI524303 JFK524303:JFM524303 IVO524303:IVQ524303 ILS524303:ILU524303 IBW524303:IBY524303 HSA524303:HSC524303 HIE524303:HIG524303 GYI524303:GYK524303 GOM524303:GOO524303 GEQ524303:GES524303 FUU524303:FUW524303 FKY524303:FLA524303 FBC524303:FBE524303 ERG524303:ERI524303 EHK524303:EHM524303 DXO524303:DXQ524303 DNS524303:DNU524303 DDW524303:DDY524303 CUA524303:CUC524303 CKE524303:CKG524303 CAI524303:CAK524303 BQM524303:BQO524303 BGQ524303:BGS524303 AWU524303:AWW524303 AMY524303:ANA524303 ADC524303:ADE524303 TG524303:TI524303 JK524303:JM524303 O524303:Q524303 WVW458767:WVY458767 WMA458767:WMC458767 WCE458767:WCG458767 VSI458767:VSK458767 VIM458767:VIO458767 UYQ458767:UYS458767 UOU458767:UOW458767 UEY458767:UFA458767 TVC458767:TVE458767 TLG458767:TLI458767 TBK458767:TBM458767 SRO458767:SRQ458767 SHS458767:SHU458767 RXW458767:RXY458767 ROA458767:ROC458767 REE458767:REG458767 QUI458767:QUK458767 QKM458767:QKO458767 QAQ458767:QAS458767 PQU458767:PQW458767 PGY458767:PHA458767 OXC458767:OXE458767 ONG458767:ONI458767 ODK458767:ODM458767 NTO458767:NTQ458767 NJS458767:NJU458767 MZW458767:MZY458767 MQA458767:MQC458767 MGE458767:MGG458767 LWI458767:LWK458767 LMM458767:LMO458767 LCQ458767:LCS458767 KSU458767:KSW458767 KIY458767:KJA458767 JZC458767:JZE458767 JPG458767:JPI458767 JFK458767:JFM458767 IVO458767:IVQ458767 ILS458767:ILU458767 IBW458767:IBY458767 HSA458767:HSC458767 HIE458767:HIG458767 GYI458767:GYK458767 GOM458767:GOO458767 GEQ458767:GES458767 FUU458767:FUW458767 FKY458767:FLA458767 FBC458767:FBE458767 ERG458767:ERI458767 EHK458767:EHM458767 DXO458767:DXQ458767 DNS458767:DNU458767 DDW458767:DDY458767 CUA458767:CUC458767 CKE458767:CKG458767 CAI458767:CAK458767 BQM458767:BQO458767 BGQ458767:BGS458767 AWU458767:AWW458767 AMY458767:ANA458767 ADC458767:ADE458767 TG458767:TI458767 JK458767:JM458767 O458767:Q458767 WVW393231:WVY393231 WMA393231:WMC393231 WCE393231:WCG393231 VSI393231:VSK393231 VIM393231:VIO393231 UYQ393231:UYS393231 UOU393231:UOW393231 UEY393231:UFA393231 TVC393231:TVE393231 TLG393231:TLI393231 TBK393231:TBM393231 SRO393231:SRQ393231 SHS393231:SHU393231 RXW393231:RXY393231 ROA393231:ROC393231 REE393231:REG393231 QUI393231:QUK393231 QKM393231:QKO393231 QAQ393231:QAS393231 PQU393231:PQW393231 PGY393231:PHA393231 OXC393231:OXE393231 ONG393231:ONI393231 ODK393231:ODM393231 NTO393231:NTQ393231 NJS393231:NJU393231 MZW393231:MZY393231 MQA393231:MQC393231 MGE393231:MGG393231 LWI393231:LWK393231 LMM393231:LMO393231 LCQ393231:LCS393231 KSU393231:KSW393231 KIY393231:KJA393231 JZC393231:JZE393231 JPG393231:JPI393231 JFK393231:JFM393231 IVO393231:IVQ393231 ILS393231:ILU393231 IBW393231:IBY393231 HSA393231:HSC393231 HIE393231:HIG393231 GYI393231:GYK393231 GOM393231:GOO393231 GEQ393231:GES393231 FUU393231:FUW393231 FKY393231:FLA393231 FBC393231:FBE393231 ERG393231:ERI393231 EHK393231:EHM393231 DXO393231:DXQ393231 DNS393231:DNU393231 DDW393231:DDY393231 CUA393231:CUC393231 CKE393231:CKG393231 CAI393231:CAK393231 BQM393231:BQO393231 BGQ393231:BGS393231 AWU393231:AWW393231 AMY393231:ANA393231 ADC393231:ADE393231 TG393231:TI393231 JK393231:JM393231 O393231:Q393231 WVW327695:WVY327695 WMA327695:WMC327695 WCE327695:WCG327695 VSI327695:VSK327695 VIM327695:VIO327695 UYQ327695:UYS327695 UOU327695:UOW327695 UEY327695:UFA327695 TVC327695:TVE327695 TLG327695:TLI327695 TBK327695:TBM327695 SRO327695:SRQ327695 SHS327695:SHU327695 RXW327695:RXY327695 ROA327695:ROC327695 REE327695:REG327695 QUI327695:QUK327695 QKM327695:QKO327695 QAQ327695:QAS327695 PQU327695:PQW327695 PGY327695:PHA327695 OXC327695:OXE327695 ONG327695:ONI327695 ODK327695:ODM327695 NTO327695:NTQ327695 NJS327695:NJU327695 MZW327695:MZY327695 MQA327695:MQC327695 MGE327695:MGG327695 LWI327695:LWK327695 LMM327695:LMO327695 LCQ327695:LCS327695 KSU327695:KSW327695 KIY327695:KJA327695 JZC327695:JZE327695 JPG327695:JPI327695 JFK327695:JFM327695 IVO327695:IVQ327695 ILS327695:ILU327695 IBW327695:IBY327695 HSA327695:HSC327695 HIE327695:HIG327695 GYI327695:GYK327695 GOM327695:GOO327695 GEQ327695:GES327695 FUU327695:FUW327695 FKY327695:FLA327695 FBC327695:FBE327695 ERG327695:ERI327695 EHK327695:EHM327695 DXO327695:DXQ327695 DNS327695:DNU327695 DDW327695:DDY327695 CUA327695:CUC327695 CKE327695:CKG327695 CAI327695:CAK327695 BQM327695:BQO327695 BGQ327695:BGS327695 AWU327695:AWW327695 AMY327695:ANA327695 ADC327695:ADE327695 TG327695:TI327695 JK327695:JM327695 O327695:Q327695 WVW262159:WVY262159 WMA262159:WMC262159 WCE262159:WCG262159 VSI262159:VSK262159 VIM262159:VIO262159 UYQ262159:UYS262159 UOU262159:UOW262159 UEY262159:UFA262159 TVC262159:TVE262159 TLG262159:TLI262159 TBK262159:TBM262159 SRO262159:SRQ262159 SHS262159:SHU262159 RXW262159:RXY262159 ROA262159:ROC262159 REE262159:REG262159 QUI262159:QUK262159 QKM262159:QKO262159 QAQ262159:QAS262159 PQU262159:PQW262159 PGY262159:PHA262159 OXC262159:OXE262159 ONG262159:ONI262159 ODK262159:ODM262159 NTO262159:NTQ262159 NJS262159:NJU262159 MZW262159:MZY262159 MQA262159:MQC262159 MGE262159:MGG262159 LWI262159:LWK262159 LMM262159:LMO262159 LCQ262159:LCS262159 KSU262159:KSW262159 KIY262159:KJA262159 JZC262159:JZE262159 JPG262159:JPI262159 JFK262159:JFM262159 IVO262159:IVQ262159 ILS262159:ILU262159 IBW262159:IBY262159 HSA262159:HSC262159 HIE262159:HIG262159 GYI262159:GYK262159 GOM262159:GOO262159 GEQ262159:GES262159 FUU262159:FUW262159 FKY262159:FLA262159 FBC262159:FBE262159 ERG262159:ERI262159 EHK262159:EHM262159 DXO262159:DXQ262159 DNS262159:DNU262159 DDW262159:DDY262159 CUA262159:CUC262159 CKE262159:CKG262159 CAI262159:CAK262159 BQM262159:BQO262159 BGQ262159:BGS262159 AWU262159:AWW262159 AMY262159:ANA262159 ADC262159:ADE262159 TG262159:TI262159 JK262159:JM262159 O262159:Q262159 WVW196623:WVY196623 WMA196623:WMC196623 WCE196623:WCG196623 VSI196623:VSK196623 VIM196623:VIO196623 UYQ196623:UYS196623 UOU196623:UOW196623 UEY196623:UFA196623 TVC196623:TVE196623 TLG196623:TLI196623 TBK196623:TBM196623 SRO196623:SRQ196623 SHS196623:SHU196623 RXW196623:RXY196623 ROA196623:ROC196623 REE196623:REG196623 QUI196623:QUK196623 QKM196623:QKO196623 QAQ196623:QAS196623 PQU196623:PQW196623 PGY196623:PHA196623 OXC196623:OXE196623 ONG196623:ONI196623 ODK196623:ODM196623 NTO196623:NTQ196623 NJS196623:NJU196623 MZW196623:MZY196623 MQA196623:MQC196623 MGE196623:MGG196623 LWI196623:LWK196623 LMM196623:LMO196623 LCQ196623:LCS196623 KSU196623:KSW196623 KIY196623:KJA196623 JZC196623:JZE196623 JPG196623:JPI196623 JFK196623:JFM196623 IVO196623:IVQ196623 ILS196623:ILU196623 IBW196623:IBY196623 HSA196623:HSC196623 HIE196623:HIG196623 GYI196623:GYK196623 GOM196623:GOO196623 GEQ196623:GES196623 FUU196623:FUW196623 FKY196623:FLA196623 FBC196623:FBE196623 ERG196623:ERI196623 EHK196623:EHM196623 DXO196623:DXQ196623 DNS196623:DNU196623 DDW196623:DDY196623 CUA196623:CUC196623 CKE196623:CKG196623 CAI196623:CAK196623 BQM196623:BQO196623 BGQ196623:BGS196623 AWU196623:AWW196623 AMY196623:ANA196623 ADC196623:ADE196623 TG196623:TI196623 JK196623:JM196623 O196623:Q196623 WVW131087:WVY131087 WMA131087:WMC131087 WCE131087:WCG131087 VSI131087:VSK131087 VIM131087:VIO131087 UYQ131087:UYS131087 UOU131087:UOW131087 UEY131087:UFA131087 TVC131087:TVE131087 TLG131087:TLI131087 TBK131087:TBM131087 SRO131087:SRQ131087 SHS131087:SHU131087 RXW131087:RXY131087 ROA131087:ROC131087 REE131087:REG131087 QUI131087:QUK131087 QKM131087:QKO131087 QAQ131087:QAS131087 PQU131087:PQW131087 PGY131087:PHA131087 OXC131087:OXE131087 ONG131087:ONI131087 ODK131087:ODM131087 NTO131087:NTQ131087 NJS131087:NJU131087 MZW131087:MZY131087 MQA131087:MQC131087 MGE131087:MGG131087 LWI131087:LWK131087 LMM131087:LMO131087 LCQ131087:LCS131087 KSU131087:KSW131087 KIY131087:KJA131087 JZC131087:JZE131087 JPG131087:JPI131087 JFK131087:JFM131087 IVO131087:IVQ131087 ILS131087:ILU131087 IBW131087:IBY131087 HSA131087:HSC131087 HIE131087:HIG131087 GYI131087:GYK131087 GOM131087:GOO131087 GEQ131087:GES131087 FUU131087:FUW131087 FKY131087:FLA131087 FBC131087:FBE131087 ERG131087:ERI131087 EHK131087:EHM131087 DXO131087:DXQ131087 DNS131087:DNU131087 DDW131087:DDY131087 CUA131087:CUC131087 CKE131087:CKG131087 CAI131087:CAK131087 BQM131087:BQO131087 BGQ131087:BGS131087 AWU131087:AWW131087 AMY131087:ANA131087 ADC131087:ADE131087 TG131087:TI131087 JK131087:JM131087 O131087:Q131087 WVW65551:WVY65551 WMA65551:WMC65551 WCE65551:WCG65551 VSI65551:VSK65551 VIM65551:VIO65551 UYQ65551:UYS65551 UOU65551:UOW65551 UEY65551:UFA65551 TVC65551:TVE65551 TLG65551:TLI65551 TBK65551:TBM65551 SRO65551:SRQ65551 SHS65551:SHU65551 RXW65551:RXY65551 ROA65551:ROC65551 REE65551:REG65551 QUI65551:QUK65551 QKM65551:QKO65551 QAQ65551:QAS65551 PQU65551:PQW65551 PGY65551:PHA65551 OXC65551:OXE65551 ONG65551:ONI65551 ODK65551:ODM65551 NTO65551:NTQ65551 NJS65551:NJU65551 MZW65551:MZY65551 MQA65551:MQC65551 MGE65551:MGG65551 LWI65551:LWK65551 LMM65551:LMO65551 LCQ65551:LCS65551 KSU65551:KSW65551 KIY65551:KJA65551 JZC65551:JZE65551 JPG65551:JPI65551 JFK65551:JFM65551 IVO65551:IVQ65551 ILS65551:ILU65551 IBW65551:IBY65551 HSA65551:HSC65551 HIE65551:HIG65551 GYI65551:GYK65551 GOM65551:GOO65551 GEQ65551:GES65551 FUU65551:FUW65551 FKY65551:FLA65551 FBC65551:FBE65551 ERG65551:ERI65551 EHK65551:EHM65551 DXO65551:DXQ65551 DNS65551:DNU65551 DDW65551:DDY65551 CUA65551:CUC65551 CKE65551:CKG65551 CAI65551:CAK65551 BQM65551:BQO65551 BGQ65551:BGS65551 AWU65551:AWW65551 AMY65551:ANA65551 ADC65551:ADE65551 TG65551:TI65551 JK65551:JM65551 O65551:Q65551"/>
    <dataValidation type="custom" imeMode="halfAlpha" allowBlank="1" showInputMessage="1" showErrorMessage="1" errorTitle="入力内容に誤りがあります" error="半角英数字で入力してください" sqref="WVQ983054:WVU983056 WLU983054:WLY983056 WBY983054:WCC983056 VSC983054:VSG983056 VIG983054:VIK983056 UYK983054:UYO983056 UOO983054:UOS983056 UES983054:UEW983056 TUW983054:TVA983056 TLA983054:TLE983056 TBE983054:TBI983056 SRI983054:SRM983056 SHM983054:SHQ983056 RXQ983054:RXU983056 RNU983054:RNY983056 RDY983054:REC983056 QUC983054:QUG983056 QKG983054:QKK983056 QAK983054:QAO983056 PQO983054:PQS983056 PGS983054:PGW983056 OWW983054:OXA983056 ONA983054:ONE983056 ODE983054:ODI983056 NTI983054:NTM983056 NJM983054:NJQ983056 MZQ983054:MZU983056 MPU983054:MPY983056 MFY983054:MGC983056 LWC983054:LWG983056 LMG983054:LMK983056 LCK983054:LCO983056 KSO983054:KSS983056 KIS983054:KIW983056 JYW983054:JZA983056 JPA983054:JPE983056 JFE983054:JFI983056 IVI983054:IVM983056 ILM983054:ILQ983056 IBQ983054:IBU983056 HRU983054:HRY983056 HHY983054:HIC983056 GYC983054:GYG983056 GOG983054:GOK983056 GEK983054:GEO983056 FUO983054:FUS983056 FKS983054:FKW983056 FAW983054:FBA983056 ERA983054:ERE983056 EHE983054:EHI983056 DXI983054:DXM983056 DNM983054:DNQ983056 DDQ983054:DDU983056 CTU983054:CTY983056 CJY983054:CKC983056 CAC983054:CAG983056 BQG983054:BQK983056 BGK983054:BGO983056 AWO983054:AWS983056 AMS983054:AMW983056 ACW983054:ADA983056 TA983054:TE983056 JE983054:JI983056 I983054:M983056 WVQ917518:WVU917520 WLU917518:WLY917520 WBY917518:WCC917520 VSC917518:VSG917520 VIG917518:VIK917520 UYK917518:UYO917520 UOO917518:UOS917520 UES917518:UEW917520 TUW917518:TVA917520 TLA917518:TLE917520 TBE917518:TBI917520 SRI917518:SRM917520 SHM917518:SHQ917520 RXQ917518:RXU917520 RNU917518:RNY917520 RDY917518:REC917520 QUC917518:QUG917520 QKG917518:QKK917520 QAK917518:QAO917520 PQO917518:PQS917520 PGS917518:PGW917520 OWW917518:OXA917520 ONA917518:ONE917520 ODE917518:ODI917520 NTI917518:NTM917520 NJM917518:NJQ917520 MZQ917518:MZU917520 MPU917518:MPY917520 MFY917518:MGC917520 LWC917518:LWG917520 LMG917518:LMK917520 LCK917518:LCO917520 KSO917518:KSS917520 KIS917518:KIW917520 JYW917518:JZA917520 JPA917518:JPE917520 JFE917518:JFI917520 IVI917518:IVM917520 ILM917518:ILQ917520 IBQ917518:IBU917520 HRU917518:HRY917520 HHY917518:HIC917520 GYC917518:GYG917520 GOG917518:GOK917520 GEK917518:GEO917520 FUO917518:FUS917520 FKS917518:FKW917520 FAW917518:FBA917520 ERA917518:ERE917520 EHE917518:EHI917520 DXI917518:DXM917520 DNM917518:DNQ917520 DDQ917518:DDU917520 CTU917518:CTY917520 CJY917518:CKC917520 CAC917518:CAG917520 BQG917518:BQK917520 BGK917518:BGO917520 AWO917518:AWS917520 AMS917518:AMW917520 ACW917518:ADA917520 TA917518:TE917520 JE917518:JI917520 I917518:M917520 WVQ851982:WVU851984 WLU851982:WLY851984 WBY851982:WCC851984 VSC851982:VSG851984 VIG851982:VIK851984 UYK851982:UYO851984 UOO851982:UOS851984 UES851982:UEW851984 TUW851982:TVA851984 TLA851982:TLE851984 TBE851982:TBI851984 SRI851982:SRM851984 SHM851982:SHQ851984 RXQ851982:RXU851984 RNU851982:RNY851984 RDY851982:REC851984 QUC851982:QUG851984 QKG851982:QKK851984 QAK851982:QAO851984 PQO851982:PQS851984 PGS851982:PGW851984 OWW851982:OXA851984 ONA851982:ONE851984 ODE851982:ODI851984 NTI851982:NTM851984 NJM851982:NJQ851984 MZQ851982:MZU851984 MPU851982:MPY851984 MFY851982:MGC851984 LWC851982:LWG851984 LMG851982:LMK851984 LCK851982:LCO851984 KSO851982:KSS851984 KIS851982:KIW851984 JYW851982:JZA851984 JPA851982:JPE851984 JFE851982:JFI851984 IVI851982:IVM851984 ILM851982:ILQ851984 IBQ851982:IBU851984 HRU851982:HRY851984 HHY851982:HIC851984 GYC851982:GYG851984 GOG851982:GOK851984 GEK851982:GEO851984 FUO851982:FUS851984 FKS851982:FKW851984 FAW851982:FBA851984 ERA851982:ERE851984 EHE851982:EHI851984 DXI851982:DXM851984 DNM851982:DNQ851984 DDQ851982:DDU851984 CTU851982:CTY851984 CJY851982:CKC851984 CAC851982:CAG851984 BQG851982:BQK851984 BGK851982:BGO851984 AWO851982:AWS851984 AMS851982:AMW851984 ACW851982:ADA851984 TA851982:TE851984 JE851982:JI851984 I851982:M851984 WVQ786446:WVU786448 WLU786446:WLY786448 WBY786446:WCC786448 VSC786446:VSG786448 VIG786446:VIK786448 UYK786446:UYO786448 UOO786446:UOS786448 UES786446:UEW786448 TUW786446:TVA786448 TLA786446:TLE786448 TBE786446:TBI786448 SRI786446:SRM786448 SHM786446:SHQ786448 RXQ786446:RXU786448 RNU786446:RNY786448 RDY786446:REC786448 QUC786446:QUG786448 QKG786446:QKK786448 QAK786446:QAO786448 PQO786446:PQS786448 PGS786446:PGW786448 OWW786446:OXA786448 ONA786446:ONE786448 ODE786446:ODI786448 NTI786446:NTM786448 NJM786446:NJQ786448 MZQ786446:MZU786448 MPU786446:MPY786448 MFY786446:MGC786448 LWC786446:LWG786448 LMG786446:LMK786448 LCK786446:LCO786448 KSO786446:KSS786448 KIS786446:KIW786448 JYW786446:JZA786448 JPA786446:JPE786448 JFE786446:JFI786448 IVI786446:IVM786448 ILM786446:ILQ786448 IBQ786446:IBU786448 HRU786446:HRY786448 HHY786446:HIC786448 GYC786446:GYG786448 GOG786446:GOK786448 GEK786446:GEO786448 FUO786446:FUS786448 FKS786446:FKW786448 FAW786446:FBA786448 ERA786446:ERE786448 EHE786446:EHI786448 DXI786446:DXM786448 DNM786446:DNQ786448 DDQ786446:DDU786448 CTU786446:CTY786448 CJY786446:CKC786448 CAC786446:CAG786448 BQG786446:BQK786448 BGK786446:BGO786448 AWO786446:AWS786448 AMS786446:AMW786448 ACW786446:ADA786448 TA786446:TE786448 JE786446:JI786448 I786446:M786448 WVQ720910:WVU720912 WLU720910:WLY720912 WBY720910:WCC720912 VSC720910:VSG720912 VIG720910:VIK720912 UYK720910:UYO720912 UOO720910:UOS720912 UES720910:UEW720912 TUW720910:TVA720912 TLA720910:TLE720912 TBE720910:TBI720912 SRI720910:SRM720912 SHM720910:SHQ720912 RXQ720910:RXU720912 RNU720910:RNY720912 RDY720910:REC720912 QUC720910:QUG720912 QKG720910:QKK720912 QAK720910:QAO720912 PQO720910:PQS720912 PGS720910:PGW720912 OWW720910:OXA720912 ONA720910:ONE720912 ODE720910:ODI720912 NTI720910:NTM720912 NJM720910:NJQ720912 MZQ720910:MZU720912 MPU720910:MPY720912 MFY720910:MGC720912 LWC720910:LWG720912 LMG720910:LMK720912 LCK720910:LCO720912 KSO720910:KSS720912 KIS720910:KIW720912 JYW720910:JZA720912 JPA720910:JPE720912 JFE720910:JFI720912 IVI720910:IVM720912 ILM720910:ILQ720912 IBQ720910:IBU720912 HRU720910:HRY720912 HHY720910:HIC720912 GYC720910:GYG720912 GOG720910:GOK720912 GEK720910:GEO720912 FUO720910:FUS720912 FKS720910:FKW720912 FAW720910:FBA720912 ERA720910:ERE720912 EHE720910:EHI720912 DXI720910:DXM720912 DNM720910:DNQ720912 DDQ720910:DDU720912 CTU720910:CTY720912 CJY720910:CKC720912 CAC720910:CAG720912 BQG720910:BQK720912 BGK720910:BGO720912 AWO720910:AWS720912 AMS720910:AMW720912 ACW720910:ADA720912 TA720910:TE720912 JE720910:JI720912 I720910:M720912 WVQ655374:WVU655376 WLU655374:WLY655376 WBY655374:WCC655376 VSC655374:VSG655376 VIG655374:VIK655376 UYK655374:UYO655376 UOO655374:UOS655376 UES655374:UEW655376 TUW655374:TVA655376 TLA655374:TLE655376 TBE655374:TBI655376 SRI655374:SRM655376 SHM655374:SHQ655376 RXQ655374:RXU655376 RNU655374:RNY655376 RDY655374:REC655376 QUC655374:QUG655376 QKG655374:QKK655376 QAK655374:QAO655376 PQO655374:PQS655376 PGS655374:PGW655376 OWW655374:OXA655376 ONA655374:ONE655376 ODE655374:ODI655376 NTI655374:NTM655376 NJM655374:NJQ655376 MZQ655374:MZU655376 MPU655374:MPY655376 MFY655374:MGC655376 LWC655374:LWG655376 LMG655374:LMK655376 LCK655374:LCO655376 KSO655374:KSS655376 KIS655374:KIW655376 JYW655374:JZA655376 JPA655374:JPE655376 JFE655374:JFI655376 IVI655374:IVM655376 ILM655374:ILQ655376 IBQ655374:IBU655376 HRU655374:HRY655376 HHY655374:HIC655376 GYC655374:GYG655376 GOG655374:GOK655376 GEK655374:GEO655376 FUO655374:FUS655376 FKS655374:FKW655376 FAW655374:FBA655376 ERA655374:ERE655376 EHE655374:EHI655376 DXI655374:DXM655376 DNM655374:DNQ655376 DDQ655374:DDU655376 CTU655374:CTY655376 CJY655374:CKC655376 CAC655374:CAG655376 BQG655374:BQK655376 BGK655374:BGO655376 AWO655374:AWS655376 AMS655374:AMW655376 ACW655374:ADA655376 TA655374:TE655376 JE655374:JI655376 I655374:M655376 WVQ589838:WVU589840 WLU589838:WLY589840 WBY589838:WCC589840 VSC589838:VSG589840 VIG589838:VIK589840 UYK589838:UYO589840 UOO589838:UOS589840 UES589838:UEW589840 TUW589838:TVA589840 TLA589838:TLE589840 TBE589838:TBI589840 SRI589838:SRM589840 SHM589838:SHQ589840 RXQ589838:RXU589840 RNU589838:RNY589840 RDY589838:REC589840 QUC589838:QUG589840 QKG589838:QKK589840 QAK589838:QAO589840 PQO589838:PQS589840 PGS589838:PGW589840 OWW589838:OXA589840 ONA589838:ONE589840 ODE589838:ODI589840 NTI589838:NTM589840 NJM589838:NJQ589840 MZQ589838:MZU589840 MPU589838:MPY589840 MFY589838:MGC589840 LWC589838:LWG589840 LMG589838:LMK589840 LCK589838:LCO589840 KSO589838:KSS589840 KIS589838:KIW589840 JYW589838:JZA589840 JPA589838:JPE589840 JFE589838:JFI589840 IVI589838:IVM589840 ILM589838:ILQ589840 IBQ589838:IBU589840 HRU589838:HRY589840 HHY589838:HIC589840 GYC589838:GYG589840 GOG589838:GOK589840 GEK589838:GEO589840 FUO589838:FUS589840 FKS589838:FKW589840 FAW589838:FBA589840 ERA589838:ERE589840 EHE589838:EHI589840 DXI589838:DXM589840 DNM589838:DNQ589840 DDQ589838:DDU589840 CTU589838:CTY589840 CJY589838:CKC589840 CAC589838:CAG589840 BQG589838:BQK589840 BGK589838:BGO589840 AWO589838:AWS589840 AMS589838:AMW589840 ACW589838:ADA589840 TA589838:TE589840 JE589838:JI589840 I589838:M589840 WVQ524302:WVU524304 WLU524302:WLY524304 WBY524302:WCC524304 VSC524302:VSG524304 VIG524302:VIK524304 UYK524302:UYO524304 UOO524302:UOS524304 UES524302:UEW524304 TUW524302:TVA524304 TLA524302:TLE524304 TBE524302:TBI524304 SRI524302:SRM524304 SHM524302:SHQ524304 RXQ524302:RXU524304 RNU524302:RNY524304 RDY524302:REC524304 QUC524302:QUG524304 QKG524302:QKK524304 QAK524302:QAO524304 PQO524302:PQS524304 PGS524302:PGW524304 OWW524302:OXA524304 ONA524302:ONE524304 ODE524302:ODI524304 NTI524302:NTM524304 NJM524302:NJQ524304 MZQ524302:MZU524304 MPU524302:MPY524304 MFY524302:MGC524304 LWC524302:LWG524304 LMG524302:LMK524304 LCK524302:LCO524304 KSO524302:KSS524304 KIS524302:KIW524304 JYW524302:JZA524304 JPA524302:JPE524304 JFE524302:JFI524304 IVI524302:IVM524304 ILM524302:ILQ524304 IBQ524302:IBU524304 HRU524302:HRY524304 HHY524302:HIC524304 GYC524302:GYG524304 GOG524302:GOK524304 GEK524302:GEO524304 FUO524302:FUS524304 FKS524302:FKW524304 FAW524302:FBA524304 ERA524302:ERE524304 EHE524302:EHI524304 DXI524302:DXM524304 DNM524302:DNQ524304 DDQ524302:DDU524304 CTU524302:CTY524304 CJY524302:CKC524304 CAC524302:CAG524304 BQG524302:BQK524304 BGK524302:BGO524304 AWO524302:AWS524304 AMS524302:AMW524304 ACW524302:ADA524304 TA524302:TE524304 JE524302:JI524304 I524302:M524304 WVQ458766:WVU458768 WLU458766:WLY458768 WBY458766:WCC458768 VSC458766:VSG458768 VIG458766:VIK458768 UYK458766:UYO458768 UOO458766:UOS458768 UES458766:UEW458768 TUW458766:TVA458768 TLA458766:TLE458768 TBE458766:TBI458768 SRI458766:SRM458768 SHM458766:SHQ458768 RXQ458766:RXU458768 RNU458766:RNY458768 RDY458766:REC458768 QUC458766:QUG458768 QKG458766:QKK458768 QAK458766:QAO458768 PQO458766:PQS458768 PGS458766:PGW458768 OWW458766:OXA458768 ONA458766:ONE458768 ODE458766:ODI458768 NTI458766:NTM458768 NJM458766:NJQ458768 MZQ458766:MZU458768 MPU458766:MPY458768 MFY458766:MGC458768 LWC458766:LWG458768 LMG458766:LMK458768 LCK458766:LCO458768 KSO458766:KSS458768 KIS458766:KIW458768 JYW458766:JZA458768 JPA458766:JPE458768 JFE458766:JFI458768 IVI458766:IVM458768 ILM458766:ILQ458768 IBQ458766:IBU458768 HRU458766:HRY458768 HHY458766:HIC458768 GYC458766:GYG458768 GOG458766:GOK458768 GEK458766:GEO458768 FUO458766:FUS458768 FKS458766:FKW458768 FAW458766:FBA458768 ERA458766:ERE458768 EHE458766:EHI458768 DXI458766:DXM458768 DNM458766:DNQ458768 DDQ458766:DDU458768 CTU458766:CTY458768 CJY458766:CKC458768 CAC458766:CAG458768 BQG458766:BQK458768 BGK458766:BGO458768 AWO458766:AWS458768 AMS458766:AMW458768 ACW458766:ADA458768 TA458766:TE458768 JE458766:JI458768 I458766:M458768 WVQ393230:WVU393232 WLU393230:WLY393232 WBY393230:WCC393232 VSC393230:VSG393232 VIG393230:VIK393232 UYK393230:UYO393232 UOO393230:UOS393232 UES393230:UEW393232 TUW393230:TVA393232 TLA393230:TLE393232 TBE393230:TBI393232 SRI393230:SRM393232 SHM393230:SHQ393232 RXQ393230:RXU393232 RNU393230:RNY393232 RDY393230:REC393232 QUC393230:QUG393232 QKG393230:QKK393232 QAK393230:QAO393232 PQO393230:PQS393232 PGS393230:PGW393232 OWW393230:OXA393232 ONA393230:ONE393232 ODE393230:ODI393232 NTI393230:NTM393232 NJM393230:NJQ393232 MZQ393230:MZU393232 MPU393230:MPY393232 MFY393230:MGC393232 LWC393230:LWG393232 LMG393230:LMK393232 LCK393230:LCO393232 KSO393230:KSS393232 KIS393230:KIW393232 JYW393230:JZA393232 JPA393230:JPE393232 JFE393230:JFI393232 IVI393230:IVM393232 ILM393230:ILQ393232 IBQ393230:IBU393232 HRU393230:HRY393232 HHY393230:HIC393232 GYC393230:GYG393232 GOG393230:GOK393232 GEK393230:GEO393232 FUO393230:FUS393232 FKS393230:FKW393232 FAW393230:FBA393232 ERA393230:ERE393232 EHE393230:EHI393232 DXI393230:DXM393232 DNM393230:DNQ393232 DDQ393230:DDU393232 CTU393230:CTY393232 CJY393230:CKC393232 CAC393230:CAG393232 BQG393230:BQK393232 BGK393230:BGO393232 AWO393230:AWS393232 AMS393230:AMW393232 ACW393230:ADA393232 TA393230:TE393232 JE393230:JI393232 I393230:M393232 WVQ327694:WVU327696 WLU327694:WLY327696 WBY327694:WCC327696 VSC327694:VSG327696 VIG327694:VIK327696 UYK327694:UYO327696 UOO327694:UOS327696 UES327694:UEW327696 TUW327694:TVA327696 TLA327694:TLE327696 TBE327694:TBI327696 SRI327694:SRM327696 SHM327694:SHQ327696 RXQ327694:RXU327696 RNU327694:RNY327696 RDY327694:REC327696 QUC327694:QUG327696 QKG327694:QKK327696 QAK327694:QAO327696 PQO327694:PQS327696 PGS327694:PGW327696 OWW327694:OXA327696 ONA327694:ONE327696 ODE327694:ODI327696 NTI327694:NTM327696 NJM327694:NJQ327696 MZQ327694:MZU327696 MPU327694:MPY327696 MFY327694:MGC327696 LWC327694:LWG327696 LMG327694:LMK327696 LCK327694:LCO327696 KSO327694:KSS327696 KIS327694:KIW327696 JYW327694:JZA327696 JPA327694:JPE327696 JFE327694:JFI327696 IVI327694:IVM327696 ILM327694:ILQ327696 IBQ327694:IBU327696 HRU327694:HRY327696 HHY327694:HIC327696 GYC327694:GYG327696 GOG327694:GOK327696 GEK327694:GEO327696 FUO327694:FUS327696 FKS327694:FKW327696 FAW327694:FBA327696 ERA327694:ERE327696 EHE327694:EHI327696 DXI327694:DXM327696 DNM327694:DNQ327696 DDQ327694:DDU327696 CTU327694:CTY327696 CJY327694:CKC327696 CAC327694:CAG327696 BQG327694:BQK327696 BGK327694:BGO327696 AWO327694:AWS327696 AMS327694:AMW327696 ACW327694:ADA327696 TA327694:TE327696 JE327694:JI327696 I327694:M327696 WVQ262158:WVU262160 WLU262158:WLY262160 WBY262158:WCC262160 VSC262158:VSG262160 VIG262158:VIK262160 UYK262158:UYO262160 UOO262158:UOS262160 UES262158:UEW262160 TUW262158:TVA262160 TLA262158:TLE262160 TBE262158:TBI262160 SRI262158:SRM262160 SHM262158:SHQ262160 RXQ262158:RXU262160 RNU262158:RNY262160 RDY262158:REC262160 QUC262158:QUG262160 QKG262158:QKK262160 QAK262158:QAO262160 PQO262158:PQS262160 PGS262158:PGW262160 OWW262158:OXA262160 ONA262158:ONE262160 ODE262158:ODI262160 NTI262158:NTM262160 NJM262158:NJQ262160 MZQ262158:MZU262160 MPU262158:MPY262160 MFY262158:MGC262160 LWC262158:LWG262160 LMG262158:LMK262160 LCK262158:LCO262160 KSO262158:KSS262160 KIS262158:KIW262160 JYW262158:JZA262160 JPA262158:JPE262160 JFE262158:JFI262160 IVI262158:IVM262160 ILM262158:ILQ262160 IBQ262158:IBU262160 HRU262158:HRY262160 HHY262158:HIC262160 GYC262158:GYG262160 GOG262158:GOK262160 GEK262158:GEO262160 FUO262158:FUS262160 FKS262158:FKW262160 FAW262158:FBA262160 ERA262158:ERE262160 EHE262158:EHI262160 DXI262158:DXM262160 DNM262158:DNQ262160 DDQ262158:DDU262160 CTU262158:CTY262160 CJY262158:CKC262160 CAC262158:CAG262160 BQG262158:BQK262160 BGK262158:BGO262160 AWO262158:AWS262160 AMS262158:AMW262160 ACW262158:ADA262160 TA262158:TE262160 JE262158:JI262160 I262158:M262160 WVQ196622:WVU196624 WLU196622:WLY196624 WBY196622:WCC196624 VSC196622:VSG196624 VIG196622:VIK196624 UYK196622:UYO196624 UOO196622:UOS196624 UES196622:UEW196624 TUW196622:TVA196624 TLA196622:TLE196624 TBE196622:TBI196624 SRI196622:SRM196624 SHM196622:SHQ196624 RXQ196622:RXU196624 RNU196622:RNY196624 RDY196622:REC196624 QUC196622:QUG196624 QKG196622:QKK196624 QAK196622:QAO196624 PQO196622:PQS196624 PGS196622:PGW196624 OWW196622:OXA196624 ONA196622:ONE196624 ODE196622:ODI196624 NTI196622:NTM196624 NJM196622:NJQ196624 MZQ196622:MZU196624 MPU196622:MPY196624 MFY196622:MGC196624 LWC196622:LWG196624 LMG196622:LMK196624 LCK196622:LCO196624 KSO196622:KSS196624 KIS196622:KIW196624 JYW196622:JZA196624 JPA196622:JPE196624 JFE196622:JFI196624 IVI196622:IVM196624 ILM196622:ILQ196624 IBQ196622:IBU196624 HRU196622:HRY196624 HHY196622:HIC196624 GYC196622:GYG196624 GOG196622:GOK196624 GEK196622:GEO196624 FUO196622:FUS196624 FKS196622:FKW196624 FAW196622:FBA196624 ERA196622:ERE196624 EHE196622:EHI196624 DXI196622:DXM196624 DNM196622:DNQ196624 DDQ196622:DDU196624 CTU196622:CTY196624 CJY196622:CKC196624 CAC196622:CAG196624 BQG196622:BQK196624 BGK196622:BGO196624 AWO196622:AWS196624 AMS196622:AMW196624 ACW196622:ADA196624 TA196622:TE196624 JE196622:JI196624 I196622:M196624 WVQ131086:WVU131088 WLU131086:WLY131088 WBY131086:WCC131088 VSC131086:VSG131088 VIG131086:VIK131088 UYK131086:UYO131088 UOO131086:UOS131088 UES131086:UEW131088 TUW131086:TVA131088 TLA131086:TLE131088 TBE131086:TBI131088 SRI131086:SRM131088 SHM131086:SHQ131088 RXQ131086:RXU131088 RNU131086:RNY131088 RDY131086:REC131088 QUC131086:QUG131088 QKG131086:QKK131088 QAK131086:QAO131088 PQO131086:PQS131088 PGS131086:PGW131088 OWW131086:OXA131088 ONA131086:ONE131088 ODE131086:ODI131088 NTI131086:NTM131088 NJM131086:NJQ131088 MZQ131086:MZU131088 MPU131086:MPY131088 MFY131086:MGC131088 LWC131086:LWG131088 LMG131086:LMK131088 LCK131086:LCO131088 KSO131086:KSS131088 KIS131086:KIW131088 JYW131086:JZA131088 JPA131086:JPE131088 JFE131086:JFI131088 IVI131086:IVM131088 ILM131086:ILQ131088 IBQ131086:IBU131088 HRU131086:HRY131088 HHY131086:HIC131088 GYC131086:GYG131088 GOG131086:GOK131088 GEK131086:GEO131088 FUO131086:FUS131088 FKS131086:FKW131088 FAW131086:FBA131088 ERA131086:ERE131088 EHE131086:EHI131088 DXI131086:DXM131088 DNM131086:DNQ131088 DDQ131086:DDU131088 CTU131086:CTY131088 CJY131086:CKC131088 CAC131086:CAG131088 BQG131086:BQK131088 BGK131086:BGO131088 AWO131086:AWS131088 AMS131086:AMW131088 ACW131086:ADA131088 TA131086:TE131088 JE131086:JI131088 I131086:M131088 WVQ65550:WVU65552 WLU65550:WLY65552 WBY65550:WCC65552 VSC65550:VSG65552 VIG65550:VIK65552 UYK65550:UYO65552 UOO65550:UOS65552 UES65550:UEW65552 TUW65550:TVA65552 TLA65550:TLE65552 TBE65550:TBI65552 SRI65550:SRM65552 SHM65550:SHQ65552 RXQ65550:RXU65552 RNU65550:RNY65552 RDY65550:REC65552 QUC65550:QUG65552 QKG65550:QKK65552 QAK65550:QAO65552 PQO65550:PQS65552 PGS65550:PGW65552 OWW65550:OXA65552 ONA65550:ONE65552 ODE65550:ODI65552 NTI65550:NTM65552 NJM65550:NJQ65552 MZQ65550:MZU65552 MPU65550:MPY65552 MFY65550:MGC65552 LWC65550:LWG65552 LMG65550:LMK65552 LCK65550:LCO65552 KSO65550:KSS65552 KIS65550:KIW65552 JYW65550:JZA65552 JPA65550:JPE65552 JFE65550:JFI65552 IVI65550:IVM65552 ILM65550:ILQ65552 IBQ65550:IBU65552 HRU65550:HRY65552 HHY65550:HIC65552 GYC65550:GYG65552 GOG65550:GOK65552 GEK65550:GEO65552 FUO65550:FUS65552 FKS65550:FKW65552 FAW65550:FBA65552 ERA65550:ERE65552 EHE65550:EHI65552 DXI65550:DXM65552 DNM65550:DNQ65552 DDQ65550:DDU65552 CTU65550:CTY65552 CJY65550:CKC65552 CAC65550:CAG65552 BQG65550:BQK65552 BGK65550:BGO65552 AWO65550:AWS65552 AMS65550:AMW65552 ACW65550:ADA65552 TA65550:TE65552 JE65550:JI65552 I65550:M65552 WVQ983049:WVQ983051 WLU983049:WLU983051 WBY983049:WBY983051 VSC983049:VSC983051 VIG983049:VIG983051 UYK983049:UYK983051 UOO983049:UOO983051 UES983049:UES983051 TUW983049:TUW983051 TLA983049:TLA983051 TBE983049:TBE983051 SRI983049:SRI983051 SHM983049:SHM983051 RXQ983049:RXQ983051 RNU983049:RNU983051 RDY983049:RDY983051 QUC983049:QUC983051 QKG983049:QKG983051 QAK983049:QAK983051 PQO983049:PQO983051 PGS983049:PGS983051 OWW983049:OWW983051 ONA983049:ONA983051 ODE983049:ODE983051 NTI983049:NTI983051 NJM983049:NJM983051 MZQ983049:MZQ983051 MPU983049:MPU983051 MFY983049:MFY983051 LWC983049:LWC983051 LMG983049:LMG983051 LCK983049:LCK983051 KSO983049:KSO983051 KIS983049:KIS983051 JYW983049:JYW983051 JPA983049:JPA983051 JFE983049:JFE983051 IVI983049:IVI983051 ILM983049:ILM983051 IBQ983049:IBQ983051 HRU983049:HRU983051 HHY983049:HHY983051 GYC983049:GYC983051 GOG983049:GOG983051 GEK983049:GEK983051 FUO983049:FUO983051 FKS983049:FKS983051 FAW983049:FAW983051 ERA983049:ERA983051 EHE983049:EHE983051 DXI983049:DXI983051 DNM983049:DNM983051 DDQ983049:DDQ983051 CTU983049:CTU983051 CJY983049:CJY983051 CAC983049:CAC983051 BQG983049:BQG983051 BGK983049:BGK983051 AWO983049:AWO983051 AMS983049:AMS983051 ACW983049:ACW983051 TA983049:TA983051 JE983049:JE983051 I983049:I983051 WVQ917513:WVQ917515 WLU917513:WLU917515 WBY917513:WBY917515 VSC917513:VSC917515 VIG917513:VIG917515 UYK917513:UYK917515 UOO917513:UOO917515 UES917513:UES917515 TUW917513:TUW917515 TLA917513:TLA917515 TBE917513:TBE917515 SRI917513:SRI917515 SHM917513:SHM917515 RXQ917513:RXQ917515 RNU917513:RNU917515 RDY917513:RDY917515 QUC917513:QUC917515 QKG917513:QKG917515 QAK917513:QAK917515 PQO917513:PQO917515 PGS917513:PGS917515 OWW917513:OWW917515 ONA917513:ONA917515 ODE917513:ODE917515 NTI917513:NTI917515 NJM917513:NJM917515 MZQ917513:MZQ917515 MPU917513:MPU917515 MFY917513:MFY917515 LWC917513:LWC917515 LMG917513:LMG917515 LCK917513:LCK917515 KSO917513:KSO917515 KIS917513:KIS917515 JYW917513:JYW917515 JPA917513:JPA917515 JFE917513:JFE917515 IVI917513:IVI917515 ILM917513:ILM917515 IBQ917513:IBQ917515 HRU917513:HRU917515 HHY917513:HHY917515 GYC917513:GYC917515 GOG917513:GOG917515 GEK917513:GEK917515 FUO917513:FUO917515 FKS917513:FKS917515 FAW917513:FAW917515 ERA917513:ERA917515 EHE917513:EHE917515 DXI917513:DXI917515 DNM917513:DNM917515 DDQ917513:DDQ917515 CTU917513:CTU917515 CJY917513:CJY917515 CAC917513:CAC917515 BQG917513:BQG917515 BGK917513:BGK917515 AWO917513:AWO917515 AMS917513:AMS917515 ACW917513:ACW917515 TA917513:TA917515 JE917513:JE917515 I917513:I917515 WVQ851977:WVQ851979 WLU851977:WLU851979 WBY851977:WBY851979 VSC851977:VSC851979 VIG851977:VIG851979 UYK851977:UYK851979 UOO851977:UOO851979 UES851977:UES851979 TUW851977:TUW851979 TLA851977:TLA851979 TBE851977:TBE851979 SRI851977:SRI851979 SHM851977:SHM851979 RXQ851977:RXQ851979 RNU851977:RNU851979 RDY851977:RDY851979 QUC851977:QUC851979 QKG851977:QKG851979 QAK851977:QAK851979 PQO851977:PQO851979 PGS851977:PGS851979 OWW851977:OWW851979 ONA851977:ONA851979 ODE851977:ODE851979 NTI851977:NTI851979 NJM851977:NJM851979 MZQ851977:MZQ851979 MPU851977:MPU851979 MFY851977:MFY851979 LWC851977:LWC851979 LMG851977:LMG851979 LCK851977:LCK851979 KSO851977:KSO851979 KIS851977:KIS851979 JYW851977:JYW851979 JPA851977:JPA851979 JFE851977:JFE851979 IVI851977:IVI851979 ILM851977:ILM851979 IBQ851977:IBQ851979 HRU851977:HRU851979 HHY851977:HHY851979 GYC851977:GYC851979 GOG851977:GOG851979 GEK851977:GEK851979 FUO851977:FUO851979 FKS851977:FKS851979 FAW851977:FAW851979 ERA851977:ERA851979 EHE851977:EHE851979 DXI851977:DXI851979 DNM851977:DNM851979 DDQ851977:DDQ851979 CTU851977:CTU851979 CJY851977:CJY851979 CAC851977:CAC851979 BQG851977:BQG851979 BGK851977:BGK851979 AWO851977:AWO851979 AMS851977:AMS851979 ACW851977:ACW851979 TA851977:TA851979 JE851977:JE851979 I851977:I851979 WVQ786441:WVQ786443 WLU786441:WLU786443 WBY786441:WBY786443 VSC786441:VSC786443 VIG786441:VIG786443 UYK786441:UYK786443 UOO786441:UOO786443 UES786441:UES786443 TUW786441:TUW786443 TLA786441:TLA786443 TBE786441:TBE786443 SRI786441:SRI786443 SHM786441:SHM786443 RXQ786441:RXQ786443 RNU786441:RNU786443 RDY786441:RDY786443 QUC786441:QUC786443 QKG786441:QKG786443 QAK786441:QAK786443 PQO786441:PQO786443 PGS786441:PGS786443 OWW786441:OWW786443 ONA786441:ONA786443 ODE786441:ODE786443 NTI786441:NTI786443 NJM786441:NJM786443 MZQ786441:MZQ786443 MPU786441:MPU786443 MFY786441:MFY786443 LWC786441:LWC786443 LMG786441:LMG786443 LCK786441:LCK786443 KSO786441:KSO786443 KIS786441:KIS786443 JYW786441:JYW786443 JPA786441:JPA786443 JFE786441:JFE786443 IVI786441:IVI786443 ILM786441:ILM786443 IBQ786441:IBQ786443 HRU786441:HRU786443 HHY786441:HHY786443 GYC786441:GYC786443 GOG786441:GOG786443 GEK786441:GEK786443 FUO786441:FUO786443 FKS786441:FKS786443 FAW786441:FAW786443 ERA786441:ERA786443 EHE786441:EHE786443 DXI786441:DXI786443 DNM786441:DNM786443 DDQ786441:DDQ786443 CTU786441:CTU786443 CJY786441:CJY786443 CAC786441:CAC786443 BQG786441:BQG786443 BGK786441:BGK786443 AWO786441:AWO786443 AMS786441:AMS786443 ACW786441:ACW786443 TA786441:TA786443 JE786441:JE786443 I786441:I786443 WVQ720905:WVQ720907 WLU720905:WLU720907 WBY720905:WBY720907 VSC720905:VSC720907 VIG720905:VIG720907 UYK720905:UYK720907 UOO720905:UOO720907 UES720905:UES720907 TUW720905:TUW720907 TLA720905:TLA720907 TBE720905:TBE720907 SRI720905:SRI720907 SHM720905:SHM720907 RXQ720905:RXQ720907 RNU720905:RNU720907 RDY720905:RDY720907 QUC720905:QUC720907 QKG720905:QKG720907 QAK720905:QAK720907 PQO720905:PQO720907 PGS720905:PGS720907 OWW720905:OWW720907 ONA720905:ONA720907 ODE720905:ODE720907 NTI720905:NTI720907 NJM720905:NJM720907 MZQ720905:MZQ720907 MPU720905:MPU720907 MFY720905:MFY720907 LWC720905:LWC720907 LMG720905:LMG720907 LCK720905:LCK720907 KSO720905:KSO720907 KIS720905:KIS720907 JYW720905:JYW720907 JPA720905:JPA720907 JFE720905:JFE720907 IVI720905:IVI720907 ILM720905:ILM720907 IBQ720905:IBQ720907 HRU720905:HRU720907 HHY720905:HHY720907 GYC720905:GYC720907 GOG720905:GOG720907 GEK720905:GEK720907 FUO720905:FUO720907 FKS720905:FKS720907 FAW720905:FAW720907 ERA720905:ERA720907 EHE720905:EHE720907 DXI720905:DXI720907 DNM720905:DNM720907 DDQ720905:DDQ720907 CTU720905:CTU720907 CJY720905:CJY720907 CAC720905:CAC720907 BQG720905:BQG720907 BGK720905:BGK720907 AWO720905:AWO720907 AMS720905:AMS720907 ACW720905:ACW720907 TA720905:TA720907 JE720905:JE720907 I720905:I720907 WVQ655369:WVQ655371 WLU655369:WLU655371 WBY655369:WBY655371 VSC655369:VSC655371 VIG655369:VIG655371 UYK655369:UYK655371 UOO655369:UOO655371 UES655369:UES655371 TUW655369:TUW655371 TLA655369:TLA655371 TBE655369:TBE655371 SRI655369:SRI655371 SHM655369:SHM655371 RXQ655369:RXQ655371 RNU655369:RNU655371 RDY655369:RDY655371 QUC655369:QUC655371 QKG655369:QKG655371 QAK655369:QAK655371 PQO655369:PQO655371 PGS655369:PGS655371 OWW655369:OWW655371 ONA655369:ONA655371 ODE655369:ODE655371 NTI655369:NTI655371 NJM655369:NJM655371 MZQ655369:MZQ655371 MPU655369:MPU655371 MFY655369:MFY655371 LWC655369:LWC655371 LMG655369:LMG655371 LCK655369:LCK655371 KSO655369:KSO655371 KIS655369:KIS655371 JYW655369:JYW655371 JPA655369:JPA655371 JFE655369:JFE655371 IVI655369:IVI655371 ILM655369:ILM655371 IBQ655369:IBQ655371 HRU655369:HRU655371 HHY655369:HHY655371 GYC655369:GYC655371 GOG655369:GOG655371 GEK655369:GEK655371 FUO655369:FUO655371 FKS655369:FKS655371 FAW655369:FAW655371 ERA655369:ERA655371 EHE655369:EHE655371 DXI655369:DXI655371 DNM655369:DNM655371 DDQ655369:DDQ655371 CTU655369:CTU655371 CJY655369:CJY655371 CAC655369:CAC655371 BQG655369:BQG655371 BGK655369:BGK655371 AWO655369:AWO655371 AMS655369:AMS655371 ACW655369:ACW655371 TA655369:TA655371 JE655369:JE655371 I655369:I655371 WVQ589833:WVQ589835 WLU589833:WLU589835 WBY589833:WBY589835 VSC589833:VSC589835 VIG589833:VIG589835 UYK589833:UYK589835 UOO589833:UOO589835 UES589833:UES589835 TUW589833:TUW589835 TLA589833:TLA589835 TBE589833:TBE589835 SRI589833:SRI589835 SHM589833:SHM589835 RXQ589833:RXQ589835 RNU589833:RNU589835 RDY589833:RDY589835 QUC589833:QUC589835 QKG589833:QKG589835 QAK589833:QAK589835 PQO589833:PQO589835 PGS589833:PGS589835 OWW589833:OWW589835 ONA589833:ONA589835 ODE589833:ODE589835 NTI589833:NTI589835 NJM589833:NJM589835 MZQ589833:MZQ589835 MPU589833:MPU589835 MFY589833:MFY589835 LWC589833:LWC589835 LMG589833:LMG589835 LCK589833:LCK589835 KSO589833:KSO589835 KIS589833:KIS589835 JYW589833:JYW589835 JPA589833:JPA589835 JFE589833:JFE589835 IVI589833:IVI589835 ILM589833:ILM589835 IBQ589833:IBQ589835 HRU589833:HRU589835 HHY589833:HHY589835 GYC589833:GYC589835 GOG589833:GOG589835 GEK589833:GEK589835 FUO589833:FUO589835 FKS589833:FKS589835 FAW589833:FAW589835 ERA589833:ERA589835 EHE589833:EHE589835 DXI589833:DXI589835 DNM589833:DNM589835 DDQ589833:DDQ589835 CTU589833:CTU589835 CJY589833:CJY589835 CAC589833:CAC589835 BQG589833:BQG589835 BGK589833:BGK589835 AWO589833:AWO589835 AMS589833:AMS589835 ACW589833:ACW589835 TA589833:TA589835 JE589833:JE589835 I589833:I589835 WVQ524297:WVQ524299 WLU524297:WLU524299 WBY524297:WBY524299 VSC524297:VSC524299 VIG524297:VIG524299 UYK524297:UYK524299 UOO524297:UOO524299 UES524297:UES524299 TUW524297:TUW524299 TLA524297:TLA524299 TBE524297:TBE524299 SRI524297:SRI524299 SHM524297:SHM524299 RXQ524297:RXQ524299 RNU524297:RNU524299 RDY524297:RDY524299 QUC524297:QUC524299 QKG524297:QKG524299 QAK524297:QAK524299 PQO524297:PQO524299 PGS524297:PGS524299 OWW524297:OWW524299 ONA524297:ONA524299 ODE524297:ODE524299 NTI524297:NTI524299 NJM524297:NJM524299 MZQ524297:MZQ524299 MPU524297:MPU524299 MFY524297:MFY524299 LWC524297:LWC524299 LMG524297:LMG524299 LCK524297:LCK524299 KSO524297:KSO524299 KIS524297:KIS524299 JYW524297:JYW524299 JPA524297:JPA524299 JFE524297:JFE524299 IVI524297:IVI524299 ILM524297:ILM524299 IBQ524297:IBQ524299 HRU524297:HRU524299 HHY524297:HHY524299 GYC524297:GYC524299 GOG524297:GOG524299 GEK524297:GEK524299 FUO524297:FUO524299 FKS524297:FKS524299 FAW524297:FAW524299 ERA524297:ERA524299 EHE524297:EHE524299 DXI524297:DXI524299 DNM524297:DNM524299 DDQ524297:DDQ524299 CTU524297:CTU524299 CJY524297:CJY524299 CAC524297:CAC524299 BQG524297:BQG524299 BGK524297:BGK524299 AWO524297:AWO524299 AMS524297:AMS524299 ACW524297:ACW524299 TA524297:TA524299 JE524297:JE524299 I524297:I524299 WVQ458761:WVQ458763 WLU458761:WLU458763 WBY458761:WBY458763 VSC458761:VSC458763 VIG458761:VIG458763 UYK458761:UYK458763 UOO458761:UOO458763 UES458761:UES458763 TUW458761:TUW458763 TLA458761:TLA458763 TBE458761:TBE458763 SRI458761:SRI458763 SHM458761:SHM458763 RXQ458761:RXQ458763 RNU458761:RNU458763 RDY458761:RDY458763 QUC458761:QUC458763 QKG458761:QKG458763 QAK458761:QAK458763 PQO458761:PQO458763 PGS458761:PGS458763 OWW458761:OWW458763 ONA458761:ONA458763 ODE458761:ODE458763 NTI458761:NTI458763 NJM458761:NJM458763 MZQ458761:MZQ458763 MPU458761:MPU458763 MFY458761:MFY458763 LWC458761:LWC458763 LMG458761:LMG458763 LCK458761:LCK458763 KSO458761:KSO458763 KIS458761:KIS458763 JYW458761:JYW458763 JPA458761:JPA458763 JFE458761:JFE458763 IVI458761:IVI458763 ILM458761:ILM458763 IBQ458761:IBQ458763 HRU458761:HRU458763 HHY458761:HHY458763 GYC458761:GYC458763 GOG458761:GOG458763 GEK458761:GEK458763 FUO458761:FUO458763 FKS458761:FKS458763 FAW458761:FAW458763 ERA458761:ERA458763 EHE458761:EHE458763 DXI458761:DXI458763 DNM458761:DNM458763 DDQ458761:DDQ458763 CTU458761:CTU458763 CJY458761:CJY458763 CAC458761:CAC458763 BQG458761:BQG458763 BGK458761:BGK458763 AWO458761:AWO458763 AMS458761:AMS458763 ACW458761:ACW458763 TA458761:TA458763 JE458761:JE458763 I458761:I458763 WVQ393225:WVQ393227 WLU393225:WLU393227 WBY393225:WBY393227 VSC393225:VSC393227 VIG393225:VIG393227 UYK393225:UYK393227 UOO393225:UOO393227 UES393225:UES393227 TUW393225:TUW393227 TLA393225:TLA393227 TBE393225:TBE393227 SRI393225:SRI393227 SHM393225:SHM393227 RXQ393225:RXQ393227 RNU393225:RNU393227 RDY393225:RDY393227 QUC393225:QUC393227 QKG393225:QKG393227 QAK393225:QAK393227 PQO393225:PQO393227 PGS393225:PGS393227 OWW393225:OWW393227 ONA393225:ONA393227 ODE393225:ODE393227 NTI393225:NTI393227 NJM393225:NJM393227 MZQ393225:MZQ393227 MPU393225:MPU393227 MFY393225:MFY393227 LWC393225:LWC393227 LMG393225:LMG393227 LCK393225:LCK393227 KSO393225:KSO393227 KIS393225:KIS393227 JYW393225:JYW393227 JPA393225:JPA393227 JFE393225:JFE393227 IVI393225:IVI393227 ILM393225:ILM393227 IBQ393225:IBQ393227 HRU393225:HRU393227 HHY393225:HHY393227 GYC393225:GYC393227 GOG393225:GOG393227 GEK393225:GEK393227 FUO393225:FUO393227 FKS393225:FKS393227 FAW393225:FAW393227 ERA393225:ERA393227 EHE393225:EHE393227 DXI393225:DXI393227 DNM393225:DNM393227 DDQ393225:DDQ393227 CTU393225:CTU393227 CJY393225:CJY393227 CAC393225:CAC393227 BQG393225:BQG393227 BGK393225:BGK393227 AWO393225:AWO393227 AMS393225:AMS393227 ACW393225:ACW393227 TA393225:TA393227 JE393225:JE393227 I393225:I393227 WVQ327689:WVQ327691 WLU327689:WLU327691 WBY327689:WBY327691 VSC327689:VSC327691 VIG327689:VIG327691 UYK327689:UYK327691 UOO327689:UOO327691 UES327689:UES327691 TUW327689:TUW327691 TLA327689:TLA327691 TBE327689:TBE327691 SRI327689:SRI327691 SHM327689:SHM327691 RXQ327689:RXQ327691 RNU327689:RNU327691 RDY327689:RDY327691 QUC327689:QUC327691 QKG327689:QKG327691 QAK327689:QAK327691 PQO327689:PQO327691 PGS327689:PGS327691 OWW327689:OWW327691 ONA327689:ONA327691 ODE327689:ODE327691 NTI327689:NTI327691 NJM327689:NJM327691 MZQ327689:MZQ327691 MPU327689:MPU327691 MFY327689:MFY327691 LWC327689:LWC327691 LMG327689:LMG327691 LCK327689:LCK327691 KSO327689:KSO327691 KIS327689:KIS327691 JYW327689:JYW327691 JPA327689:JPA327691 JFE327689:JFE327691 IVI327689:IVI327691 ILM327689:ILM327691 IBQ327689:IBQ327691 HRU327689:HRU327691 HHY327689:HHY327691 GYC327689:GYC327691 GOG327689:GOG327691 GEK327689:GEK327691 FUO327689:FUO327691 FKS327689:FKS327691 FAW327689:FAW327691 ERA327689:ERA327691 EHE327689:EHE327691 DXI327689:DXI327691 DNM327689:DNM327691 DDQ327689:DDQ327691 CTU327689:CTU327691 CJY327689:CJY327691 CAC327689:CAC327691 BQG327689:BQG327691 BGK327689:BGK327691 AWO327689:AWO327691 AMS327689:AMS327691 ACW327689:ACW327691 TA327689:TA327691 JE327689:JE327691 I327689:I327691 WVQ262153:WVQ262155 WLU262153:WLU262155 WBY262153:WBY262155 VSC262153:VSC262155 VIG262153:VIG262155 UYK262153:UYK262155 UOO262153:UOO262155 UES262153:UES262155 TUW262153:TUW262155 TLA262153:TLA262155 TBE262153:TBE262155 SRI262153:SRI262155 SHM262153:SHM262155 RXQ262153:RXQ262155 RNU262153:RNU262155 RDY262153:RDY262155 QUC262153:QUC262155 QKG262153:QKG262155 QAK262153:QAK262155 PQO262153:PQO262155 PGS262153:PGS262155 OWW262153:OWW262155 ONA262153:ONA262155 ODE262153:ODE262155 NTI262153:NTI262155 NJM262153:NJM262155 MZQ262153:MZQ262155 MPU262153:MPU262155 MFY262153:MFY262155 LWC262153:LWC262155 LMG262153:LMG262155 LCK262153:LCK262155 KSO262153:KSO262155 KIS262153:KIS262155 JYW262153:JYW262155 JPA262153:JPA262155 JFE262153:JFE262155 IVI262153:IVI262155 ILM262153:ILM262155 IBQ262153:IBQ262155 HRU262153:HRU262155 HHY262153:HHY262155 GYC262153:GYC262155 GOG262153:GOG262155 GEK262153:GEK262155 FUO262153:FUO262155 FKS262153:FKS262155 FAW262153:FAW262155 ERA262153:ERA262155 EHE262153:EHE262155 DXI262153:DXI262155 DNM262153:DNM262155 DDQ262153:DDQ262155 CTU262153:CTU262155 CJY262153:CJY262155 CAC262153:CAC262155 BQG262153:BQG262155 BGK262153:BGK262155 AWO262153:AWO262155 AMS262153:AMS262155 ACW262153:ACW262155 TA262153:TA262155 JE262153:JE262155 I262153:I262155 WVQ196617:WVQ196619 WLU196617:WLU196619 WBY196617:WBY196619 VSC196617:VSC196619 VIG196617:VIG196619 UYK196617:UYK196619 UOO196617:UOO196619 UES196617:UES196619 TUW196617:TUW196619 TLA196617:TLA196619 TBE196617:TBE196619 SRI196617:SRI196619 SHM196617:SHM196619 RXQ196617:RXQ196619 RNU196617:RNU196619 RDY196617:RDY196619 QUC196617:QUC196619 QKG196617:QKG196619 QAK196617:QAK196619 PQO196617:PQO196619 PGS196617:PGS196619 OWW196617:OWW196619 ONA196617:ONA196619 ODE196617:ODE196619 NTI196617:NTI196619 NJM196617:NJM196619 MZQ196617:MZQ196619 MPU196617:MPU196619 MFY196617:MFY196619 LWC196617:LWC196619 LMG196617:LMG196619 LCK196617:LCK196619 KSO196617:KSO196619 KIS196617:KIS196619 JYW196617:JYW196619 JPA196617:JPA196619 JFE196617:JFE196619 IVI196617:IVI196619 ILM196617:ILM196619 IBQ196617:IBQ196619 HRU196617:HRU196619 HHY196617:HHY196619 GYC196617:GYC196619 GOG196617:GOG196619 GEK196617:GEK196619 FUO196617:FUO196619 FKS196617:FKS196619 FAW196617:FAW196619 ERA196617:ERA196619 EHE196617:EHE196619 DXI196617:DXI196619 DNM196617:DNM196619 DDQ196617:DDQ196619 CTU196617:CTU196619 CJY196617:CJY196619 CAC196617:CAC196619 BQG196617:BQG196619 BGK196617:BGK196619 AWO196617:AWO196619 AMS196617:AMS196619 ACW196617:ACW196619 TA196617:TA196619 JE196617:JE196619 I196617:I196619 WVQ131081:WVQ131083 WLU131081:WLU131083 WBY131081:WBY131083 VSC131081:VSC131083 VIG131081:VIG131083 UYK131081:UYK131083 UOO131081:UOO131083 UES131081:UES131083 TUW131081:TUW131083 TLA131081:TLA131083 TBE131081:TBE131083 SRI131081:SRI131083 SHM131081:SHM131083 RXQ131081:RXQ131083 RNU131081:RNU131083 RDY131081:RDY131083 QUC131081:QUC131083 QKG131081:QKG131083 QAK131081:QAK131083 PQO131081:PQO131083 PGS131081:PGS131083 OWW131081:OWW131083 ONA131081:ONA131083 ODE131081:ODE131083 NTI131081:NTI131083 NJM131081:NJM131083 MZQ131081:MZQ131083 MPU131081:MPU131083 MFY131081:MFY131083 LWC131081:LWC131083 LMG131081:LMG131083 LCK131081:LCK131083 KSO131081:KSO131083 KIS131081:KIS131083 JYW131081:JYW131083 JPA131081:JPA131083 JFE131081:JFE131083 IVI131081:IVI131083 ILM131081:ILM131083 IBQ131081:IBQ131083 HRU131081:HRU131083 HHY131081:HHY131083 GYC131081:GYC131083 GOG131081:GOG131083 GEK131081:GEK131083 FUO131081:FUO131083 FKS131081:FKS131083 FAW131081:FAW131083 ERA131081:ERA131083 EHE131081:EHE131083 DXI131081:DXI131083 DNM131081:DNM131083 DDQ131081:DDQ131083 CTU131081:CTU131083 CJY131081:CJY131083 CAC131081:CAC131083 BQG131081:BQG131083 BGK131081:BGK131083 AWO131081:AWO131083 AMS131081:AMS131083 ACW131081:ACW131083 TA131081:TA131083 JE131081:JE131083 I131081:I131083 WVQ65545:WVQ65547 WLU65545:WLU65547 WBY65545:WBY65547 VSC65545:VSC65547 VIG65545:VIG65547 UYK65545:UYK65547 UOO65545:UOO65547 UES65545:UES65547 TUW65545:TUW65547 TLA65545:TLA65547 TBE65545:TBE65547 SRI65545:SRI65547 SHM65545:SHM65547 RXQ65545:RXQ65547 RNU65545:RNU65547 RDY65545:RDY65547 QUC65545:QUC65547 QKG65545:QKG65547 QAK65545:QAK65547 PQO65545:PQO65547 PGS65545:PGS65547 OWW65545:OWW65547 ONA65545:ONA65547 ODE65545:ODE65547 NTI65545:NTI65547 NJM65545:NJM65547 MZQ65545:MZQ65547 MPU65545:MPU65547 MFY65545:MFY65547 LWC65545:LWC65547 LMG65545:LMG65547 LCK65545:LCK65547 KSO65545:KSO65547 KIS65545:KIS65547 JYW65545:JYW65547 JPA65545:JPA65547 JFE65545:JFE65547 IVI65545:IVI65547 ILM65545:ILM65547 IBQ65545:IBQ65547 HRU65545:HRU65547 HHY65545:HHY65547 GYC65545:GYC65547 GOG65545:GOG65547 GEK65545:GEK65547 FUO65545:FUO65547 FKS65545:FKS65547 FAW65545:FAW65547 ERA65545:ERA65547 EHE65545:EHE65547 DXI65545:DXI65547 DNM65545:DNM65547 DDQ65545:DDQ65547 CTU65545:CTU65547 CJY65545:CJY65547 CAC65545:CAC65547 BQG65545:BQG65547 BGK65545:BGK65547 AWO65545:AWO65547 AMS65545:AMS65547 ACW65545:ACW65547 TA65545:TA65547 JE65545:JE65547 I65545:I65547 WVR983050:WVU983051 WLV983050:WLY983051 WBZ983050:WCC983051 VSD983050:VSG983051 VIH983050:VIK983051 UYL983050:UYO983051 UOP983050:UOS983051 UET983050:UEW983051 TUX983050:TVA983051 TLB983050:TLE983051 TBF983050:TBI983051 SRJ983050:SRM983051 SHN983050:SHQ983051 RXR983050:RXU983051 RNV983050:RNY983051 RDZ983050:REC983051 QUD983050:QUG983051 QKH983050:QKK983051 QAL983050:QAO983051 PQP983050:PQS983051 PGT983050:PGW983051 OWX983050:OXA983051 ONB983050:ONE983051 ODF983050:ODI983051 NTJ983050:NTM983051 NJN983050:NJQ983051 MZR983050:MZU983051 MPV983050:MPY983051 MFZ983050:MGC983051 LWD983050:LWG983051 LMH983050:LMK983051 LCL983050:LCO983051 KSP983050:KSS983051 KIT983050:KIW983051 JYX983050:JZA983051 JPB983050:JPE983051 JFF983050:JFI983051 IVJ983050:IVM983051 ILN983050:ILQ983051 IBR983050:IBU983051 HRV983050:HRY983051 HHZ983050:HIC983051 GYD983050:GYG983051 GOH983050:GOK983051 GEL983050:GEO983051 FUP983050:FUS983051 FKT983050:FKW983051 FAX983050:FBA983051 ERB983050:ERE983051 EHF983050:EHI983051 DXJ983050:DXM983051 DNN983050:DNQ983051 DDR983050:DDU983051 CTV983050:CTY983051 CJZ983050:CKC983051 CAD983050:CAG983051 BQH983050:BQK983051 BGL983050:BGO983051 AWP983050:AWS983051 AMT983050:AMW983051 ACX983050:ADA983051 TB983050:TE983051 JF983050:JI983051 J983050:M983051 WVR917514:WVU917515 WLV917514:WLY917515 WBZ917514:WCC917515 VSD917514:VSG917515 VIH917514:VIK917515 UYL917514:UYO917515 UOP917514:UOS917515 UET917514:UEW917515 TUX917514:TVA917515 TLB917514:TLE917515 TBF917514:TBI917515 SRJ917514:SRM917515 SHN917514:SHQ917515 RXR917514:RXU917515 RNV917514:RNY917515 RDZ917514:REC917515 QUD917514:QUG917515 QKH917514:QKK917515 QAL917514:QAO917515 PQP917514:PQS917515 PGT917514:PGW917515 OWX917514:OXA917515 ONB917514:ONE917515 ODF917514:ODI917515 NTJ917514:NTM917515 NJN917514:NJQ917515 MZR917514:MZU917515 MPV917514:MPY917515 MFZ917514:MGC917515 LWD917514:LWG917515 LMH917514:LMK917515 LCL917514:LCO917515 KSP917514:KSS917515 KIT917514:KIW917515 JYX917514:JZA917515 JPB917514:JPE917515 JFF917514:JFI917515 IVJ917514:IVM917515 ILN917514:ILQ917515 IBR917514:IBU917515 HRV917514:HRY917515 HHZ917514:HIC917515 GYD917514:GYG917515 GOH917514:GOK917515 GEL917514:GEO917515 FUP917514:FUS917515 FKT917514:FKW917515 FAX917514:FBA917515 ERB917514:ERE917515 EHF917514:EHI917515 DXJ917514:DXM917515 DNN917514:DNQ917515 DDR917514:DDU917515 CTV917514:CTY917515 CJZ917514:CKC917515 CAD917514:CAG917515 BQH917514:BQK917515 BGL917514:BGO917515 AWP917514:AWS917515 AMT917514:AMW917515 ACX917514:ADA917515 TB917514:TE917515 JF917514:JI917515 J917514:M917515 WVR851978:WVU851979 WLV851978:WLY851979 WBZ851978:WCC851979 VSD851978:VSG851979 VIH851978:VIK851979 UYL851978:UYO851979 UOP851978:UOS851979 UET851978:UEW851979 TUX851978:TVA851979 TLB851978:TLE851979 TBF851978:TBI851979 SRJ851978:SRM851979 SHN851978:SHQ851979 RXR851978:RXU851979 RNV851978:RNY851979 RDZ851978:REC851979 QUD851978:QUG851979 QKH851978:QKK851979 QAL851978:QAO851979 PQP851978:PQS851979 PGT851978:PGW851979 OWX851978:OXA851979 ONB851978:ONE851979 ODF851978:ODI851979 NTJ851978:NTM851979 NJN851978:NJQ851979 MZR851978:MZU851979 MPV851978:MPY851979 MFZ851978:MGC851979 LWD851978:LWG851979 LMH851978:LMK851979 LCL851978:LCO851979 KSP851978:KSS851979 KIT851978:KIW851979 JYX851978:JZA851979 JPB851978:JPE851979 JFF851978:JFI851979 IVJ851978:IVM851979 ILN851978:ILQ851979 IBR851978:IBU851979 HRV851978:HRY851979 HHZ851978:HIC851979 GYD851978:GYG851979 GOH851978:GOK851979 GEL851978:GEO851979 FUP851978:FUS851979 FKT851978:FKW851979 FAX851978:FBA851979 ERB851978:ERE851979 EHF851978:EHI851979 DXJ851978:DXM851979 DNN851978:DNQ851979 DDR851978:DDU851979 CTV851978:CTY851979 CJZ851978:CKC851979 CAD851978:CAG851979 BQH851978:BQK851979 BGL851978:BGO851979 AWP851978:AWS851979 AMT851978:AMW851979 ACX851978:ADA851979 TB851978:TE851979 JF851978:JI851979 J851978:M851979 WVR786442:WVU786443 WLV786442:WLY786443 WBZ786442:WCC786443 VSD786442:VSG786443 VIH786442:VIK786443 UYL786442:UYO786443 UOP786442:UOS786443 UET786442:UEW786443 TUX786442:TVA786443 TLB786442:TLE786443 TBF786442:TBI786443 SRJ786442:SRM786443 SHN786442:SHQ786443 RXR786442:RXU786443 RNV786442:RNY786443 RDZ786442:REC786443 QUD786442:QUG786443 QKH786442:QKK786443 QAL786442:QAO786443 PQP786442:PQS786443 PGT786442:PGW786443 OWX786442:OXA786443 ONB786442:ONE786443 ODF786442:ODI786443 NTJ786442:NTM786443 NJN786442:NJQ786443 MZR786442:MZU786443 MPV786442:MPY786443 MFZ786442:MGC786443 LWD786442:LWG786443 LMH786442:LMK786443 LCL786442:LCO786443 KSP786442:KSS786443 KIT786442:KIW786443 JYX786442:JZA786443 JPB786442:JPE786443 JFF786442:JFI786443 IVJ786442:IVM786443 ILN786442:ILQ786443 IBR786442:IBU786443 HRV786442:HRY786443 HHZ786442:HIC786443 GYD786442:GYG786443 GOH786442:GOK786443 GEL786442:GEO786443 FUP786442:FUS786443 FKT786442:FKW786443 FAX786442:FBA786443 ERB786442:ERE786443 EHF786442:EHI786443 DXJ786442:DXM786443 DNN786442:DNQ786443 DDR786442:DDU786443 CTV786442:CTY786443 CJZ786442:CKC786443 CAD786442:CAG786443 BQH786442:BQK786443 BGL786442:BGO786443 AWP786442:AWS786443 AMT786442:AMW786443 ACX786442:ADA786443 TB786442:TE786443 JF786442:JI786443 J786442:M786443 WVR720906:WVU720907 WLV720906:WLY720907 WBZ720906:WCC720907 VSD720906:VSG720907 VIH720906:VIK720907 UYL720906:UYO720907 UOP720906:UOS720907 UET720906:UEW720907 TUX720906:TVA720907 TLB720906:TLE720907 TBF720906:TBI720907 SRJ720906:SRM720907 SHN720906:SHQ720907 RXR720906:RXU720907 RNV720906:RNY720907 RDZ720906:REC720907 QUD720906:QUG720907 QKH720906:QKK720907 QAL720906:QAO720907 PQP720906:PQS720907 PGT720906:PGW720907 OWX720906:OXA720907 ONB720906:ONE720907 ODF720906:ODI720907 NTJ720906:NTM720907 NJN720906:NJQ720907 MZR720906:MZU720907 MPV720906:MPY720907 MFZ720906:MGC720907 LWD720906:LWG720907 LMH720906:LMK720907 LCL720906:LCO720907 KSP720906:KSS720907 KIT720906:KIW720907 JYX720906:JZA720907 JPB720906:JPE720907 JFF720906:JFI720907 IVJ720906:IVM720907 ILN720906:ILQ720907 IBR720906:IBU720907 HRV720906:HRY720907 HHZ720906:HIC720907 GYD720906:GYG720907 GOH720906:GOK720907 GEL720906:GEO720907 FUP720906:FUS720907 FKT720906:FKW720907 FAX720906:FBA720907 ERB720906:ERE720907 EHF720906:EHI720907 DXJ720906:DXM720907 DNN720906:DNQ720907 DDR720906:DDU720907 CTV720906:CTY720907 CJZ720906:CKC720907 CAD720906:CAG720907 BQH720906:BQK720907 BGL720906:BGO720907 AWP720906:AWS720907 AMT720906:AMW720907 ACX720906:ADA720907 TB720906:TE720907 JF720906:JI720907 J720906:M720907 WVR655370:WVU655371 WLV655370:WLY655371 WBZ655370:WCC655371 VSD655370:VSG655371 VIH655370:VIK655371 UYL655370:UYO655371 UOP655370:UOS655371 UET655370:UEW655371 TUX655370:TVA655371 TLB655370:TLE655371 TBF655370:TBI655371 SRJ655370:SRM655371 SHN655370:SHQ655371 RXR655370:RXU655371 RNV655370:RNY655371 RDZ655370:REC655371 QUD655370:QUG655371 QKH655370:QKK655371 QAL655370:QAO655371 PQP655370:PQS655371 PGT655370:PGW655371 OWX655370:OXA655371 ONB655370:ONE655371 ODF655370:ODI655371 NTJ655370:NTM655371 NJN655370:NJQ655371 MZR655370:MZU655371 MPV655370:MPY655371 MFZ655370:MGC655371 LWD655370:LWG655371 LMH655370:LMK655371 LCL655370:LCO655371 KSP655370:KSS655371 KIT655370:KIW655371 JYX655370:JZA655371 JPB655370:JPE655371 JFF655370:JFI655371 IVJ655370:IVM655371 ILN655370:ILQ655371 IBR655370:IBU655371 HRV655370:HRY655371 HHZ655370:HIC655371 GYD655370:GYG655371 GOH655370:GOK655371 GEL655370:GEO655371 FUP655370:FUS655371 FKT655370:FKW655371 FAX655370:FBA655371 ERB655370:ERE655371 EHF655370:EHI655371 DXJ655370:DXM655371 DNN655370:DNQ655371 DDR655370:DDU655371 CTV655370:CTY655371 CJZ655370:CKC655371 CAD655370:CAG655371 BQH655370:BQK655371 BGL655370:BGO655371 AWP655370:AWS655371 AMT655370:AMW655371 ACX655370:ADA655371 TB655370:TE655371 JF655370:JI655371 J655370:M655371 WVR589834:WVU589835 WLV589834:WLY589835 WBZ589834:WCC589835 VSD589834:VSG589835 VIH589834:VIK589835 UYL589834:UYO589835 UOP589834:UOS589835 UET589834:UEW589835 TUX589834:TVA589835 TLB589834:TLE589835 TBF589834:TBI589835 SRJ589834:SRM589835 SHN589834:SHQ589835 RXR589834:RXU589835 RNV589834:RNY589835 RDZ589834:REC589835 QUD589834:QUG589835 QKH589834:QKK589835 QAL589834:QAO589835 PQP589834:PQS589835 PGT589834:PGW589835 OWX589834:OXA589835 ONB589834:ONE589835 ODF589834:ODI589835 NTJ589834:NTM589835 NJN589834:NJQ589835 MZR589834:MZU589835 MPV589834:MPY589835 MFZ589834:MGC589835 LWD589834:LWG589835 LMH589834:LMK589835 LCL589834:LCO589835 KSP589834:KSS589835 KIT589834:KIW589835 JYX589834:JZA589835 JPB589834:JPE589835 JFF589834:JFI589835 IVJ589834:IVM589835 ILN589834:ILQ589835 IBR589834:IBU589835 HRV589834:HRY589835 HHZ589834:HIC589835 GYD589834:GYG589835 GOH589834:GOK589835 GEL589834:GEO589835 FUP589834:FUS589835 FKT589834:FKW589835 FAX589834:FBA589835 ERB589834:ERE589835 EHF589834:EHI589835 DXJ589834:DXM589835 DNN589834:DNQ589835 DDR589834:DDU589835 CTV589834:CTY589835 CJZ589834:CKC589835 CAD589834:CAG589835 BQH589834:BQK589835 BGL589834:BGO589835 AWP589834:AWS589835 AMT589834:AMW589835 ACX589834:ADA589835 TB589834:TE589835 JF589834:JI589835 J589834:M589835 WVR524298:WVU524299 WLV524298:WLY524299 WBZ524298:WCC524299 VSD524298:VSG524299 VIH524298:VIK524299 UYL524298:UYO524299 UOP524298:UOS524299 UET524298:UEW524299 TUX524298:TVA524299 TLB524298:TLE524299 TBF524298:TBI524299 SRJ524298:SRM524299 SHN524298:SHQ524299 RXR524298:RXU524299 RNV524298:RNY524299 RDZ524298:REC524299 QUD524298:QUG524299 QKH524298:QKK524299 QAL524298:QAO524299 PQP524298:PQS524299 PGT524298:PGW524299 OWX524298:OXA524299 ONB524298:ONE524299 ODF524298:ODI524299 NTJ524298:NTM524299 NJN524298:NJQ524299 MZR524298:MZU524299 MPV524298:MPY524299 MFZ524298:MGC524299 LWD524298:LWG524299 LMH524298:LMK524299 LCL524298:LCO524299 KSP524298:KSS524299 KIT524298:KIW524299 JYX524298:JZA524299 JPB524298:JPE524299 JFF524298:JFI524299 IVJ524298:IVM524299 ILN524298:ILQ524299 IBR524298:IBU524299 HRV524298:HRY524299 HHZ524298:HIC524299 GYD524298:GYG524299 GOH524298:GOK524299 GEL524298:GEO524299 FUP524298:FUS524299 FKT524298:FKW524299 FAX524298:FBA524299 ERB524298:ERE524299 EHF524298:EHI524299 DXJ524298:DXM524299 DNN524298:DNQ524299 DDR524298:DDU524299 CTV524298:CTY524299 CJZ524298:CKC524299 CAD524298:CAG524299 BQH524298:BQK524299 BGL524298:BGO524299 AWP524298:AWS524299 AMT524298:AMW524299 ACX524298:ADA524299 TB524298:TE524299 JF524298:JI524299 J524298:M524299 WVR458762:WVU458763 WLV458762:WLY458763 WBZ458762:WCC458763 VSD458762:VSG458763 VIH458762:VIK458763 UYL458762:UYO458763 UOP458762:UOS458763 UET458762:UEW458763 TUX458762:TVA458763 TLB458762:TLE458763 TBF458762:TBI458763 SRJ458762:SRM458763 SHN458762:SHQ458763 RXR458762:RXU458763 RNV458762:RNY458763 RDZ458762:REC458763 QUD458762:QUG458763 QKH458762:QKK458763 QAL458762:QAO458763 PQP458762:PQS458763 PGT458762:PGW458763 OWX458762:OXA458763 ONB458762:ONE458763 ODF458762:ODI458763 NTJ458762:NTM458763 NJN458762:NJQ458763 MZR458762:MZU458763 MPV458762:MPY458763 MFZ458762:MGC458763 LWD458762:LWG458763 LMH458762:LMK458763 LCL458762:LCO458763 KSP458762:KSS458763 KIT458762:KIW458763 JYX458762:JZA458763 JPB458762:JPE458763 JFF458762:JFI458763 IVJ458762:IVM458763 ILN458762:ILQ458763 IBR458762:IBU458763 HRV458762:HRY458763 HHZ458762:HIC458763 GYD458762:GYG458763 GOH458762:GOK458763 GEL458762:GEO458763 FUP458762:FUS458763 FKT458762:FKW458763 FAX458762:FBA458763 ERB458762:ERE458763 EHF458762:EHI458763 DXJ458762:DXM458763 DNN458762:DNQ458763 DDR458762:DDU458763 CTV458762:CTY458763 CJZ458762:CKC458763 CAD458762:CAG458763 BQH458762:BQK458763 BGL458762:BGO458763 AWP458762:AWS458763 AMT458762:AMW458763 ACX458762:ADA458763 TB458762:TE458763 JF458762:JI458763 J458762:M458763 WVR393226:WVU393227 WLV393226:WLY393227 WBZ393226:WCC393227 VSD393226:VSG393227 VIH393226:VIK393227 UYL393226:UYO393227 UOP393226:UOS393227 UET393226:UEW393227 TUX393226:TVA393227 TLB393226:TLE393227 TBF393226:TBI393227 SRJ393226:SRM393227 SHN393226:SHQ393227 RXR393226:RXU393227 RNV393226:RNY393227 RDZ393226:REC393227 QUD393226:QUG393227 QKH393226:QKK393227 QAL393226:QAO393227 PQP393226:PQS393227 PGT393226:PGW393227 OWX393226:OXA393227 ONB393226:ONE393227 ODF393226:ODI393227 NTJ393226:NTM393227 NJN393226:NJQ393227 MZR393226:MZU393227 MPV393226:MPY393227 MFZ393226:MGC393227 LWD393226:LWG393227 LMH393226:LMK393227 LCL393226:LCO393227 KSP393226:KSS393227 KIT393226:KIW393227 JYX393226:JZA393227 JPB393226:JPE393227 JFF393226:JFI393227 IVJ393226:IVM393227 ILN393226:ILQ393227 IBR393226:IBU393227 HRV393226:HRY393227 HHZ393226:HIC393227 GYD393226:GYG393227 GOH393226:GOK393227 GEL393226:GEO393227 FUP393226:FUS393227 FKT393226:FKW393227 FAX393226:FBA393227 ERB393226:ERE393227 EHF393226:EHI393227 DXJ393226:DXM393227 DNN393226:DNQ393227 DDR393226:DDU393227 CTV393226:CTY393227 CJZ393226:CKC393227 CAD393226:CAG393227 BQH393226:BQK393227 BGL393226:BGO393227 AWP393226:AWS393227 AMT393226:AMW393227 ACX393226:ADA393227 TB393226:TE393227 JF393226:JI393227 J393226:M393227 WVR327690:WVU327691 WLV327690:WLY327691 WBZ327690:WCC327691 VSD327690:VSG327691 VIH327690:VIK327691 UYL327690:UYO327691 UOP327690:UOS327691 UET327690:UEW327691 TUX327690:TVA327691 TLB327690:TLE327691 TBF327690:TBI327691 SRJ327690:SRM327691 SHN327690:SHQ327691 RXR327690:RXU327691 RNV327690:RNY327691 RDZ327690:REC327691 QUD327690:QUG327691 QKH327690:QKK327691 QAL327690:QAO327691 PQP327690:PQS327691 PGT327690:PGW327691 OWX327690:OXA327691 ONB327690:ONE327691 ODF327690:ODI327691 NTJ327690:NTM327691 NJN327690:NJQ327691 MZR327690:MZU327691 MPV327690:MPY327691 MFZ327690:MGC327691 LWD327690:LWG327691 LMH327690:LMK327691 LCL327690:LCO327691 KSP327690:KSS327691 KIT327690:KIW327691 JYX327690:JZA327691 JPB327690:JPE327691 JFF327690:JFI327691 IVJ327690:IVM327691 ILN327690:ILQ327691 IBR327690:IBU327691 HRV327690:HRY327691 HHZ327690:HIC327691 GYD327690:GYG327691 GOH327690:GOK327691 GEL327690:GEO327691 FUP327690:FUS327691 FKT327690:FKW327691 FAX327690:FBA327691 ERB327690:ERE327691 EHF327690:EHI327691 DXJ327690:DXM327691 DNN327690:DNQ327691 DDR327690:DDU327691 CTV327690:CTY327691 CJZ327690:CKC327691 CAD327690:CAG327691 BQH327690:BQK327691 BGL327690:BGO327691 AWP327690:AWS327691 AMT327690:AMW327691 ACX327690:ADA327691 TB327690:TE327691 JF327690:JI327691 J327690:M327691 WVR262154:WVU262155 WLV262154:WLY262155 WBZ262154:WCC262155 VSD262154:VSG262155 VIH262154:VIK262155 UYL262154:UYO262155 UOP262154:UOS262155 UET262154:UEW262155 TUX262154:TVA262155 TLB262154:TLE262155 TBF262154:TBI262155 SRJ262154:SRM262155 SHN262154:SHQ262155 RXR262154:RXU262155 RNV262154:RNY262155 RDZ262154:REC262155 QUD262154:QUG262155 QKH262154:QKK262155 QAL262154:QAO262155 PQP262154:PQS262155 PGT262154:PGW262155 OWX262154:OXA262155 ONB262154:ONE262155 ODF262154:ODI262155 NTJ262154:NTM262155 NJN262154:NJQ262155 MZR262154:MZU262155 MPV262154:MPY262155 MFZ262154:MGC262155 LWD262154:LWG262155 LMH262154:LMK262155 LCL262154:LCO262155 KSP262154:KSS262155 KIT262154:KIW262155 JYX262154:JZA262155 JPB262154:JPE262155 JFF262154:JFI262155 IVJ262154:IVM262155 ILN262154:ILQ262155 IBR262154:IBU262155 HRV262154:HRY262155 HHZ262154:HIC262155 GYD262154:GYG262155 GOH262154:GOK262155 GEL262154:GEO262155 FUP262154:FUS262155 FKT262154:FKW262155 FAX262154:FBA262155 ERB262154:ERE262155 EHF262154:EHI262155 DXJ262154:DXM262155 DNN262154:DNQ262155 DDR262154:DDU262155 CTV262154:CTY262155 CJZ262154:CKC262155 CAD262154:CAG262155 BQH262154:BQK262155 BGL262154:BGO262155 AWP262154:AWS262155 AMT262154:AMW262155 ACX262154:ADA262155 TB262154:TE262155 JF262154:JI262155 J262154:M262155 WVR196618:WVU196619 WLV196618:WLY196619 WBZ196618:WCC196619 VSD196618:VSG196619 VIH196618:VIK196619 UYL196618:UYO196619 UOP196618:UOS196619 UET196618:UEW196619 TUX196618:TVA196619 TLB196618:TLE196619 TBF196618:TBI196619 SRJ196618:SRM196619 SHN196618:SHQ196619 RXR196618:RXU196619 RNV196618:RNY196619 RDZ196618:REC196619 QUD196618:QUG196619 QKH196618:QKK196619 QAL196618:QAO196619 PQP196618:PQS196619 PGT196618:PGW196619 OWX196618:OXA196619 ONB196618:ONE196619 ODF196618:ODI196619 NTJ196618:NTM196619 NJN196618:NJQ196619 MZR196618:MZU196619 MPV196618:MPY196619 MFZ196618:MGC196619 LWD196618:LWG196619 LMH196618:LMK196619 LCL196618:LCO196619 KSP196618:KSS196619 KIT196618:KIW196619 JYX196618:JZA196619 JPB196618:JPE196619 JFF196618:JFI196619 IVJ196618:IVM196619 ILN196618:ILQ196619 IBR196618:IBU196619 HRV196618:HRY196619 HHZ196618:HIC196619 GYD196618:GYG196619 GOH196618:GOK196619 GEL196618:GEO196619 FUP196618:FUS196619 FKT196618:FKW196619 FAX196618:FBA196619 ERB196618:ERE196619 EHF196618:EHI196619 DXJ196618:DXM196619 DNN196618:DNQ196619 DDR196618:DDU196619 CTV196618:CTY196619 CJZ196618:CKC196619 CAD196618:CAG196619 BQH196618:BQK196619 BGL196618:BGO196619 AWP196618:AWS196619 AMT196618:AMW196619 ACX196618:ADA196619 TB196618:TE196619 JF196618:JI196619 J196618:M196619 WVR131082:WVU131083 WLV131082:WLY131083 WBZ131082:WCC131083 VSD131082:VSG131083 VIH131082:VIK131083 UYL131082:UYO131083 UOP131082:UOS131083 UET131082:UEW131083 TUX131082:TVA131083 TLB131082:TLE131083 TBF131082:TBI131083 SRJ131082:SRM131083 SHN131082:SHQ131083 RXR131082:RXU131083 RNV131082:RNY131083 RDZ131082:REC131083 QUD131082:QUG131083 QKH131082:QKK131083 QAL131082:QAO131083 PQP131082:PQS131083 PGT131082:PGW131083 OWX131082:OXA131083 ONB131082:ONE131083 ODF131082:ODI131083 NTJ131082:NTM131083 NJN131082:NJQ131083 MZR131082:MZU131083 MPV131082:MPY131083 MFZ131082:MGC131083 LWD131082:LWG131083 LMH131082:LMK131083 LCL131082:LCO131083 KSP131082:KSS131083 KIT131082:KIW131083 JYX131082:JZA131083 JPB131082:JPE131083 JFF131082:JFI131083 IVJ131082:IVM131083 ILN131082:ILQ131083 IBR131082:IBU131083 HRV131082:HRY131083 HHZ131082:HIC131083 GYD131082:GYG131083 GOH131082:GOK131083 GEL131082:GEO131083 FUP131082:FUS131083 FKT131082:FKW131083 FAX131082:FBA131083 ERB131082:ERE131083 EHF131082:EHI131083 DXJ131082:DXM131083 DNN131082:DNQ131083 DDR131082:DDU131083 CTV131082:CTY131083 CJZ131082:CKC131083 CAD131082:CAG131083 BQH131082:BQK131083 BGL131082:BGO131083 AWP131082:AWS131083 AMT131082:AMW131083 ACX131082:ADA131083 TB131082:TE131083 JF131082:JI131083 J131082:M131083 WVR65546:WVU65547 WLV65546:WLY65547 WBZ65546:WCC65547 VSD65546:VSG65547 VIH65546:VIK65547 UYL65546:UYO65547 UOP65546:UOS65547 UET65546:UEW65547 TUX65546:TVA65547 TLB65546:TLE65547 TBF65546:TBI65547 SRJ65546:SRM65547 SHN65546:SHQ65547 RXR65546:RXU65547 RNV65546:RNY65547 RDZ65546:REC65547 QUD65546:QUG65547 QKH65546:QKK65547 QAL65546:QAO65547 PQP65546:PQS65547 PGT65546:PGW65547 OWX65546:OXA65547 ONB65546:ONE65547 ODF65546:ODI65547 NTJ65546:NTM65547 NJN65546:NJQ65547 MZR65546:MZU65547 MPV65546:MPY65547 MFZ65546:MGC65547 LWD65546:LWG65547 LMH65546:LMK65547 LCL65546:LCO65547 KSP65546:KSS65547 KIT65546:KIW65547 JYX65546:JZA65547 JPB65546:JPE65547 JFF65546:JFI65547 IVJ65546:IVM65547 ILN65546:ILQ65547 IBR65546:IBU65547 HRV65546:HRY65547 HHZ65546:HIC65547 GYD65546:GYG65547 GOH65546:GOK65547 GEL65546:GEO65547 FUP65546:FUS65547 FKT65546:FKW65547 FAX65546:FBA65547 ERB65546:ERE65547 EHF65546:EHI65547 DXJ65546:DXM65547 DNN65546:DNQ65547 DDR65546:DDU65547 CTV65546:CTY65547 CJZ65546:CKC65547 CAD65546:CAG65547 BQH65546:BQK65547 BGL65546:BGO65547 AWP65546:AWS65547 AMT65546:AMW65547 ACX65546:ADA65547 TB65546:TE65547 JF65546:JI65547 J65546:M65547 WVW983050:WVY983050 WMA983050:WMC983050 WCE983050:WCG983050 VSI983050:VSK983050 VIM983050:VIO983050 UYQ983050:UYS983050 UOU983050:UOW983050 UEY983050:UFA983050 TVC983050:TVE983050 TLG983050:TLI983050 TBK983050:TBM983050 SRO983050:SRQ983050 SHS983050:SHU983050 RXW983050:RXY983050 ROA983050:ROC983050 REE983050:REG983050 QUI983050:QUK983050 QKM983050:QKO983050 QAQ983050:QAS983050 PQU983050:PQW983050 PGY983050:PHA983050 OXC983050:OXE983050 ONG983050:ONI983050 ODK983050:ODM983050 NTO983050:NTQ983050 NJS983050:NJU983050 MZW983050:MZY983050 MQA983050:MQC983050 MGE983050:MGG983050 LWI983050:LWK983050 LMM983050:LMO983050 LCQ983050:LCS983050 KSU983050:KSW983050 KIY983050:KJA983050 JZC983050:JZE983050 JPG983050:JPI983050 JFK983050:JFM983050 IVO983050:IVQ983050 ILS983050:ILU983050 IBW983050:IBY983050 HSA983050:HSC983050 HIE983050:HIG983050 GYI983050:GYK983050 GOM983050:GOO983050 GEQ983050:GES983050 FUU983050:FUW983050 FKY983050:FLA983050 FBC983050:FBE983050 ERG983050:ERI983050 EHK983050:EHM983050 DXO983050:DXQ983050 DNS983050:DNU983050 DDW983050:DDY983050 CUA983050:CUC983050 CKE983050:CKG983050 CAI983050:CAK983050 BQM983050:BQO983050 BGQ983050:BGS983050 AWU983050:AWW983050 AMY983050:ANA983050 ADC983050:ADE983050 TG983050:TI983050 JK983050:JM983050 O983050:Q983050 WVW917514:WVY917514 WMA917514:WMC917514 WCE917514:WCG917514 VSI917514:VSK917514 VIM917514:VIO917514 UYQ917514:UYS917514 UOU917514:UOW917514 UEY917514:UFA917514 TVC917514:TVE917514 TLG917514:TLI917514 TBK917514:TBM917514 SRO917514:SRQ917514 SHS917514:SHU917514 RXW917514:RXY917514 ROA917514:ROC917514 REE917514:REG917514 QUI917514:QUK917514 QKM917514:QKO917514 QAQ917514:QAS917514 PQU917514:PQW917514 PGY917514:PHA917514 OXC917514:OXE917514 ONG917514:ONI917514 ODK917514:ODM917514 NTO917514:NTQ917514 NJS917514:NJU917514 MZW917514:MZY917514 MQA917514:MQC917514 MGE917514:MGG917514 LWI917514:LWK917514 LMM917514:LMO917514 LCQ917514:LCS917514 KSU917514:KSW917514 KIY917514:KJA917514 JZC917514:JZE917514 JPG917514:JPI917514 JFK917514:JFM917514 IVO917514:IVQ917514 ILS917514:ILU917514 IBW917514:IBY917514 HSA917514:HSC917514 HIE917514:HIG917514 GYI917514:GYK917514 GOM917514:GOO917514 GEQ917514:GES917514 FUU917514:FUW917514 FKY917514:FLA917514 FBC917514:FBE917514 ERG917514:ERI917514 EHK917514:EHM917514 DXO917514:DXQ917514 DNS917514:DNU917514 DDW917514:DDY917514 CUA917514:CUC917514 CKE917514:CKG917514 CAI917514:CAK917514 BQM917514:BQO917514 BGQ917514:BGS917514 AWU917514:AWW917514 AMY917514:ANA917514 ADC917514:ADE917514 TG917514:TI917514 JK917514:JM917514 O917514:Q917514 WVW851978:WVY851978 WMA851978:WMC851978 WCE851978:WCG851978 VSI851978:VSK851978 VIM851978:VIO851978 UYQ851978:UYS851978 UOU851978:UOW851978 UEY851978:UFA851978 TVC851978:TVE851978 TLG851978:TLI851978 TBK851978:TBM851978 SRO851978:SRQ851978 SHS851978:SHU851978 RXW851978:RXY851978 ROA851978:ROC851978 REE851978:REG851978 QUI851978:QUK851978 QKM851978:QKO851978 QAQ851978:QAS851978 PQU851978:PQW851978 PGY851978:PHA851978 OXC851978:OXE851978 ONG851978:ONI851978 ODK851978:ODM851978 NTO851978:NTQ851978 NJS851978:NJU851978 MZW851978:MZY851978 MQA851978:MQC851978 MGE851978:MGG851978 LWI851978:LWK851978 LMM851978:LMO851978 LCQ851978:LCS851978 KSU851978:KSW851978 KIY851978:KJA851978 JZC851978:JZE851978 JPG851978:JPI851978 JFK851978:JFM851978 IVO851978:IVQ851978 ILS851978:ILU851978 IBW851978:IBY851978 HSA851978:HSC851978 HIE851978:HIG851978 GYI851978:GYK851978 GOM851978:GOO851978 GEQ851978:GES851978 FUU851978:FUW851978 FKY851978:FLA851978 FBC851978:FBE851978 ERG851978:ERI851978 EHK851978:EHM851978 DXO851978:DXQ851978 DNS851978:DNU851978 DDW851978:DDY851978 CUA851978:CUC851978 CKE851978:CKG851978 CAI851978:CAK851978 BQM851978:BQO851978 BGQ851978:BGS851978 AWU851978:AWW851978 AMY851978:ANA851978 ADC851978:ADE851978 TG851978:TI851978 JK851978:JM851978 O851978:Q851978 WVW786442:WVY786442 WMA786442:WMC786442 WCE786442:WCG786442 VSI786442:VSK786442 VIM786442:VIO786442 UYQ786442:UYS786442 UOU786442:UOW786442 UEY786442:UFA786442 TVC786442:TVE786442 TLG786442:TLI786442 TBK786442:TBM786442 SRO786442:SRQ786442 SHS786442:SHU786442 RXW786442:RXY786442 ROA786442:ROC786442 REE786442:REG786442 QUI786442:QUK786442 QKM786442:QKO786442 QAQ786442:QAS786442 PQU786442:PQW786442 PGY786442:PHA786442 OXC786442:OXE786442 ONG786442:ONI786442 ODK786442:ODM786442 NTO786442:NTQ786442 NJS786442:NJU786442 MZW786442:MZY786442 MQA786442:MQC786442 MGE786442:MGG786442 LWI786442:LWK786442 LMM786442:LMO786442 LCQ786442:LCS786442 KSU786442:KSW786442 KIY786442:KJA786442 JZC786442:JZE786442 JPG786442:JPI786442 JFK786442:JFM786442 IVO786442:IVQ786442 ILS786442:ILU786442 IBW786442:IBY786442 HSA786442:HSC786442 HIE786442:HIG786442 GYI786442:GYK786442 GOM786442:GOO786442 GEQ786442:GES786442 FUU786442:FUW786442 FKY786442:FLA786442 FBC786442:FBE786442 ERG786442:ERI786442 EHK786442:EHM786442 DXO786442:DXQ786442 DNS786442:DNU786442 DDW786442:DDY786442 CUA786442:CUC786442 CKE786442:CKG786442 CAI786442:CAK786442 BQM786442:BQO786442 BGQ786442:BGS786442 AWU786442:AWW786442 AMY786442:ANA786442 ADC786442:ADE786442 TG786442:TI786442 JK786442:JM786442 O786442:Q786442 WVW720906:WVY720906 WMA720906:WMC720906 WCE720906:WCG720906 VSI720906:VSK720906 VIM720906:VIO720906 UYQ720906:UYS720906 UOU720906:UOW720906 UEY720906:UFA720906 TVC720906:TVE720906 TLG720906:TLI720906 TBK720906:TBM720906 SRO720906:SRQ720906 SHS720906:SHU720906 RXW720906:RXY720906 ROA720906:ROC720906 REE720906:REG720906 QUI720906:QUK720906 QKM720906:QKO720906 QAQ720906:QAS720906 PQU720906:PQW720906 PGY720906:PHA720906 OXC720906:OXE720906 ONG720906:ONI720906 ODK720906:ODM720906 NTO720906:NTQ720906 NJS720906:NJU720906 MZW720906:MZY720906 MQA720906:MQC720906 MGE720906:MGG720906 LWI720906:LWK720906 LMM720906:LMO720906 LCQ720906:LCS720906 KSU720906:KSW720906 KIY720906:KJA720906 JZC720906:JZE720906 JPG720906:JPI720906 JFK720906:JFM720906 IVO720906:IVQ720906 ILS720906:ILU720906 IBW720906:IBY720906 HSA720906:HSC720906 HIE720906:HIG720906 GYI720906:GYK720906 GOM720906:GOO720906 GEQ720906:GES720906 FUU720906:FUW720906 FKY720906:FLA720906 FBC720906:FBE720906 ERG720906:ERI720906 EHK720906:EHM720906 DXO720906:DXQ720906 DNS720906:DNU720906 DDW720906:DDY720906 CUA720906:CUC720906 CKE720906:CKG720906 CAI720906:CAK720906 BQM720906:BQO720906 BGQ720906:BGS720906 AWU720906:AWW720906 AMY720906:ANA720906 ADC720906:ADE720906 TG720906:TI720906 JK720906:JM720906 O720906:Q720906 WVW655370:WVY655370 WMA655370:WMC655370 WCE655370:WCG655370 VSI655370:VSK655370 VIM655370:VIO655370 UYQ655370:UYS655370 UOU655370:UOW655370 UEY655370:UFA655370 TVC655370:TVE655370 TLG655370:TLI655370 TBK655370:TBM655370 SRO655370:SRQ655370 SHS655370:SHU655370 RXW655370:RXY655370 ROA655370:ROC655370 REE655370:REG655370 QUI655370:QUK655370 QKM655370:QKO655370 QAQ655370:QAS655370 PQU655370:PQW655370 PGY655370:PHA655370 OXC655370:OXE655370 ONG655370:ONI655370 ODK655370:ODM655370 NTO655370:NTQ655370 NJS655370:NJU655370 MZW655370:MZY655370 MQA655370:MQC655370 MGE655370:MGG655370 LWI655370:LWK655370 LMM655370:LMO655370 LCQ655370:LCS655370 KSU655370:KSW655370 KIY655370:KJA655370 JZC655370:JZE655370 JPG655370:JPI655370 JFK655370:JFM655370 IVO655370:IVQ655370 ILS655370:ILU655370 IBW655370:IBY655370 HSA655370:HSC655370 HIE655370:HIG655370 GYI655370:GYK655370 GOM655370:GOO655370 GEQ655370:GES655370 FUU655370:FUW655370 FKY655370:FLA655370 FBC655370:FBE655370 ERG655370:ERI655370 EHK655370:EHM655370 DXO655370:DXQ655370 DNS655370:DNU655370 DDW655370:DDY655370 CUA655370:CUC655370 CKE655370:CKG655370 CAI655370:CAK655370 BQM655370:BQO655370 BGQ655370:BGS655370 AWU655370:AWW655370 AMY655370:ANA655370 ADC655370:ADE655370 TG655370:TI655370 JK655370:JM655370 O655370:Q655370 WVW589834:WVY589834 WMA589834:WMC589834 WCE589834:WCG589834 VSI589834:VSK589834 VIM589834:VIO589834 UYQ589834:UYS589834 UOU589834:UOW589834 UEY589834:UFA589834 TVC589834:TVE589834 TLG589834:TLI589834 TBK589834:TBM589834 SRO589834:SRQ589834 SHS589834:SHU589834 RXW589834:RXY589834 ROA589834:ROC589834 REE589834:REG589834 QUI589834:QUK589834 QKM589834:QKO589834 QAQ589834:QAS589834 PQU589834:PQW589834 PGY589834:PHA589834 OXC589834:OXE589834 ONG589834:ONI589834 ODK589834:ODM589834 NTO589834:NTQ589834 NJS589834:NJU589834 MZW589834:MZY589834 MQA589834:MQC589834 MGE589834:MGG589834 LWI589834:LWK589834 LMM589834:LMO589834 LCQ589834:LCS589834 KSU589834:KSW589834 KIY589834:KJA589834 JZC589834:JZE589834 JPG589834:JPI589834 JFK589834:JFM589834 IVO589834:IVQ589834 ILS589834:ILU589834 IBW589834:IBY589834 HSA589834:HSC589834 HIE589834:HIG589834 GYI589834:GYK589834 GOM589834:GOO589834 GEQ589834:GES589834 FUU589834:FUW589834 FKY589834:FLA589834 FBC589834:FBE589834 ERG589834:ERI589834 EHK589834:EHM589834 DXO589834:DXQ589834 DNS589834:DNU589834 DDW589834:DDY589834 CUA589834:CUC589834 CKE589834:CKG589834 CAI589834:CAK589834 BQM589834:BQO589834 BGQ589834:BGS589834 AWU589834:AWW589834 AMY589834:ANA589834 ADC589834:ADE589834 TG589834:TI589834 JK589834:JM589834 O589834:Q589834 WVW524298:WVY524298 WMA524298:WMC524298 WCE524298:WCG524298 VSI524298:VSK524298 VIM524298:VIO524298 UYQ524298:UYS524298 UOU524298:UOW524298 UEY524298:UFA524298 TVC524298:TVE524298 TLG524298:TLI524298 TBK524298:TBM524298 SRO524298:SRQ524298 SHS524298:SHU524298 RXW524298:RXY524298 ROA524298:ROC524298 REE524298:REG524298 QUI524298:QUK524298 QKM524298:QKO524298 QAQ524298:QAS524298 PQU524298:PQW524298 PGY524298:PHA524298 OXC524298:OXE524298 ONG524298:ONI524298 ODK524298:ODM524298 NTO524298:NTQ524298 NJS524298:NJU524298 MZW524298:MZY524298 MQA524298:MQC524298 MGE524298:MGG524298 LWI524298:LWK524298 LMM524298:LMO524298 LCQ524298:LCS524298 KSU524298:KSW524298 KIY524298:KJA524298 JZC524298:JZE524298 JPG524298:JPI524298 JFK524298:JFM524298 IVO524298:IVQ524298 ILS524298:ILU524298 IBW524298:IBY524298 HSA524298:HSC524298 HIE524298:HIG524298 GYI524298:GYK524298 GOM524298:GOO524298 GEQ524298:GES524298 FUU524298:FUW524298 FKY524298:FLA524298 FBC524298:FBE524298 ERG524298:ERI524298 EHK524298:EHM524298 DXO524298:DXQ524298 DNS524298:DNU524298 DDW524298:DDY524298 CUA524298:CUC524298 CKE524298:CKG524298 CAI524298:CAK524298 BQM524298:BQO524298 BGQ524298:BGS524298 AWU524298:AWW524298 AMY524298:ANA524298 ADC524298:ADE524298 TG524298:TI524298 JK524298:JM524298 O524298:Q524298 WVW458762:WVY458762 WMA458762:WMC458762 WCE458762:WCG458762 VSI458762:VSK458762 VIM458762:VIO458762 UYQ458762:UYS458762 UOU458762:UOW458762 UEY458762:UFA458762 TVC458762:TVE458762 TLG458762:TLI458762 TBK458762:TBM458762 SRO458762:SRQ458762 SHS458762:SHU458762 RXW458762:RXY458762 ROA458762:ROC458762 REE458762:REG458762 QUI458762:QUK458762 QKM458762:QKO458762 QAQ458762:QAS458762 PQU458762:PQW458762 PGY458762:PHA458762 OXC458762:OXE458762 ONG458762:ONI458762 ODK458762:ODM458762 NTO458762:NTQ458762 NJS458762:NJU458762 MZW458762:MZY458762 MQA458762:MQC458762 MGE458762:MGG458762 LWI458762:LWK458762 LMM458762:LMO458762 LCQ458762:LCS458762 KSU458762:KSW458762 KIY458762:KJA458762 JZC458762:JZE458762 JPG458762:JPI458762 JFK458762:JFM458762 IVO458762:IVQ458762 ILS458762:ILU458762 IBW458762:IBY458762 HSA458762:HSC458762 HIE458762:HIG458762 GYI458762:GYK458762 GOM458762:GOO458762 GEQ458762:GES458762 FUU458762:FUW458762 FKY458762:FLA458762 FBC458762:FBE458762 ERG458762:ERI458762 EHK458762:EHM458762 DXO458762:DXQ458762 DNS458762:DNU458762 DDW458762:DDY458762 CUA458762:CUC458762 CKE458762:CKG458762 CAI458762:CAK458762 BQM458762:BQO458762 BGQ458762:BGS458762 AWU458762:AWW458762 AMY458762:ANA458762 ADC458762:ADE458762 TG458762:TI458762 JK458762:JM458762 O458762:Q458762 WVW393226:WVY393226 WMA393226:WMC393226 WCE393226:WCG393226 VSI393226:VSK393226 VIM393226:VIO393226 UYQ393226:UYS393226 UOU393226:UOW393226 UEY393226:UFA393226 TVC393226:TVE393226 TLG393226:TLI393226 TBK393226:TBM393226 SRO393226:SRQ393226 SHS393226:SHU393226 RXW393226:RXY393226 ROA393226:ROC393226 REE393226:REG393226 QUI393226:QUK393226 QKM393226:QKO393226 QAQ393226:QAS393226 PQU393226:PQW393226 PGY393226:PHA393226 OXC393226:OXE393226 ONG393226:ONI393226 ODK393226:ODM393226 NTO393226:NTQ393226 NJS393226:NJU393226 MZW393226:MZY393226 MQA393226:MQC393226 MGE393226:MGG393226 LWI393226:LWK393226 LMM393226:LMO393226 LCQ393226:LCS393226 KSU393226:KSW393226 KIY393226:KJA393226 JZC393226:JZE393226 JPG393226:JPI393226 JFK393226:JFM393226 IVO393226:IVQ393226 ILS393226:ILU393226 IBW393226:IBY393226 HSA393226:HSC393226 HIE393226:HIG393226 GYI393226:GYK393226 GOM393226:GOO393226 GEQ393226:GES393226 FUU393226:FUW393226 FKY393226:FLA393226 FBC393226:FBE393226 ERG393226:ERI393226 EHK393226:EHM393226 DXO393226:DXQ393226 DNS393226:DNU393226 DDW393226:DDY393226 CUA393226:CUC393226 CKE393226:CKG393226 CAI393226:CAK393226 BQM393226:BQO393226 BGQ393226:BGS393226 AWU393226:AWW393226 AMY393226:ANA393226 ADC393226:ADE393226 TG393226:TI393226 JK393226:JM393226 O393226:Q393226 WVW327690:WVY327690 WMA327690:WMC327690 WCE327690:WCG327690 VSI327690:VSK327690 VIM327690:VIO327690 UYQ327690:UYS327690 UOU327690:UOW327690 UEY327690:UFA327690 TVC327690:TVE327690 TLG327690:TLI327690 TBK327690:TBM327690 SRO327690:SRQ327690 SHS327690:SHU327690 RXW327690:RXY327690 ROA327690:ROC327690 REE327690:REG327690 QUI327690:QUK327690 QKM327690:QKO327690 QAQ327690:QAS327690 PQU327690:PQW327690 PGY327690:PHA327690 OXC327690:OXE327690 ONG327690:ONI327690 ODK327690:ODM327690 NTO327690:NTQ327690 NJS327690:NJU327690 MZW327690:MZY327690 MQA327690:MQC327690 MGE327690:MGG327690 LWI327690:LWK327690 LMM327690:LMO327690 LCQ327690:LCS327690 KSU327690:KSW327690 KIY327690:KJA327690 JZC327690:JZE327690 JPG327690:JPI327690 JFK327690:JFM327690 IVO327690:IVQ327690 ILS327690:ILU327690 IBW327690:IBY327690 HSA327690:HSC327690 HIE327690:HIG327690 GYI327690:GYK327690 GOM327690:GOO327690 GEQ327690:GES327690 FUU327690:FUW327690 FKY327690:FLA327690 FBC327690:FBE327690 ERG327690:ERI327690 EHK327690:EHM327690 DXO327690:DXQ327690 DNS327690:DNU327690 DDW327690:DDY327690 CUA327690:CUC327690 CKE327690:CKG327690 CAI327690:CAK327690 BQM327690:BQO327690 BGQ327690:BGS327690 AWU327690:AWW327690 AMY327690:ANA327690 ADC327690:ADE327690 TG327690:TI327690 JK327690:JM327690 O327690:Q327690 WVW262154:WVY262154 WMA262154:WMC262154 WCE262154:WCG262154 VSI262154:VSK262154 VIM262154:VIO262154 UYQ262154:UYS262154 UOU262154:UOW262154 UEY262154:UFA262154 TVC262154:TVE262154 TLG262154:TLI262154 TBK262154:TBM262154 SRO262154:SRQ262154 SHS262154:SHU262154 RXW262154:RXY262154 ROA262154:ROC262154 REE262154:REG262154 QUI262154:QUK262154 QKM262154:QKO262154 QAQ262154:QAS262154 PQU262154:PQW262154 PGY262154:PHA262154 OXC262154:OXE262154 ONG262154:ONI262154 ODK262154:ODM262154 NTO262154:NTQ262154 NJS262154:NJU262154 MZW262154:MZY262154 MQA262154:MQC262154 MGE262154:MGG262154 LWI262154:LWK262154 LMM262154:LMO262154 LCQ262154:LCS262154 KSU262154:KSW262154 KIY262154:KJA262154 JZC262154:JZE262154 JPG262154:JPI262154 JFK262154:JFM262154 IVO262154:IVQ262154 ILS262154:ILU262154 IBW262154:IBY262154 HSA262154:HSC262154 HIE262154:HIG262154 GYI262154:GYK262154 GOM262154:GOO262154 GEQ262154:GES262154 FUU262154:FUW262154 FKY262154:FLA262154 FBC262154:FBE262154 ERG262154:ERI262154 EHK262154:EHM262154 DXO262154:DXQ262154 DNS262154:DNU262154 DDW262154:DDY262154 CUA262154:CUC262154 CKE262154:CKG262154 CAI262154:CAK262154 BQM262154:BQO262154 BGQ262154:BGS262154 AWU262154:AWW262154 AMY262154:ANA262154 ADC262154:ADE262154 TG262154:TI262154 JK262154:JM262154 O262154:Q262154 WVW196618:WVY196618 WMA196618:WMC196618 WCE196618:WCG196618 VSI196618:VSK196618 VIM196618:VIO196618 UYQ196618:UYS196618 UOU196618:UOW196618 UEY196618:UFA196618 TVC196618:TVE196618 TLG196618:TLI196618 TBK196618:TBM196618 SRO196618:SRQ196618 SHS196618:SHU196618 RXW196618:RXY196618 ROA196618:ROC196618 REE196618:REG196618 QUI196618:QUK196618 QKM196618:QKO196618 QAQ196618:QAS196618 PQU196618:PQW196618 PGY196618:PHA196618 OXC196618:OXE196618 ONG196618:ONI196618 ODK196618:ODM196618 NTO196618:NTQ196618 NJS196618:NJU196618 MZW196618:MZY196618 MQA196618:MQC196618 MGE196618:MGG196618 LWI196618:LWK196618 LMM196618:LMO196618 LCQ196618:LCS196618 KSU196618:KSW196618 KIY196618:KJA196618 JZC196618:JZE196618 JPG196618:JPI196618 JFK196618:JFM196618 IVO196618:IVQ196618 ILS196618:ILU196618 IBW196618:IBY196618 HSA196618:HSC196618 HIE196618:HIG196618 GYI196618:GYK196618 GOM196618:GOO196618 GEQ196618:GES196618 FUU196618:FUW196618 FKY196618:FLA196618 FBC196618:FBE196618 ERG196618:ERI196618 EHK196618:EHM196618 DXO196618:DXQ196618 DNS196618:DNU196618 DDW196618:DDY196618 CUA196618:CUC196618 CKE196618:CKG196618 CAI196618:CAK196618 BQM196618:BQO196618 BGQ196618:BGS196618 AWU196618:AWW196618 AMY196618:ANA196618 ADC196618:ADE196618 TG196618:TI196618 JK196618:JM196618 O196618:Q196618 WVW131082:WVY131082 WMA131082:WMC131082 WCE131082:WCG131082 VSI131082:VSK131082 VIM131082:VIO131082 UYQ131082:UYS131082 UOU131082:UOW131082 UEY131082:UFA131082 TVC131082:TVE131082 TLG131082:TLI131082 TBK131082:TBM131082 SRO131082:SRQ131082 SHS131082:SHU131082 RXW131082:RXY131082 ROA131082:ROC131082 REE131082:REG131082 QUI131082:QUK131082 QKM131082:QKO131082 QAQ131082:QAS131082 PQU131082:PQW131082 PGY131082:PHA131082 OXC131082:OXE131082 ONG131082:ONI131082 ODK131082:ODM131082 NTO131082:NTQ131082 NJS131082:NJU131082 MZW131082:MZY131082 MQA131082:MQC131082 MGE131082:MGG131082 LWI131082:LWK131082 LMM131082:LMO131082 LCQ131082:LCS131082 KSU131082:KSW131082 KIY131082:KJA131082 JZC131082:JZE131082 JPG131082:JPI131082 JFK131082:JFM131082 IVO131082:IVQ131082 ILS131082:ILU131082 IBW131082:IBY131082 HSA131082:HSC131082 HIE131082:HIG131082 GYI131082:GYK131082 GOM131082:GOO131082 GEQ131082:GES131082 FUU131082:FUW131082 FKY131082:FLA131082 FBC131082:FBE131082 ERG131082:ERI131082 EHK131082:EHM131082 DXO131082:DXQ131082 DNS131082:DNU131082 DDW131082:DDY131082 CUA131082:CUC131082 CKE131082:CKG131082 CAI131082:CAK131082 BQM131082:BQO131082 BGQ131082:BGS131082 AWU131082:AWW131082 AMY131082:ANA131082 ADC131082:ADE131082 TG131082:TI131082 JK131082:JM131082 O131082:Q131082 WVW65546:WVY65546 WMA65546:WMC65546 WCE65546:WCG65546 VSI65546:VSK65546 VIM65546:VIO65546 UYQ65546:UYS65546 UOU65546:UOW65546 UEY65546:UFA65546 TVC65546:TVE65546 TLG65546:TLI65546 TBK65546:TBM65546 SRO65546:SRQ65546 SHS65546:SHU65546 RXW65546:RXY65546 ROA65546:ROC65546 REE65546:REG65546 QUI65546:QUK65546 QKM65546:QKO65546 QAQ65546:QAS65546 PQU65546:PQW65546 PGY65546:PHA65546 OXC65546:OXE65546 ONG65546:ONI65546 ODK65546:ODM65546 NTO65546:NTQ65546 NJS65546:NJU65546 MZW65546:MZY65546 MQA65546:MQC65546 MGE65546:MGG65546 LWI65546:LWK65546 LMM65546:LMO65546 LCQ65546:LCS65546 KSU65546:KSW65546 KIY65546:KJA65546 JZC65546:JZE65546 JPG65546:JPI65546 JFK65546:JFM65546 IVO65546:IVQ65546 ILS65546:ILU65546 IBW65546:IBY65546 HSA65546:HSC65546 HIE65546:HIG65546 GYI65546:GYK65546 GOM65546:GOO65546 GEQ65546:GES65546 FUU65546:FUW65546 FKY65546:FLA65546 FBC65546:FBE65546 ERG65546:ERI65546 EHK65546:EHM65546 DXO65546:DXQ65546 DNS65546:DNU65546 DDW65546:DDY65546 CUA65546:CUC65546 CKE65546:CKG65546 CAI65546:CAK65546 BQM65546:BQO65546 BGQ65546:BGS65546 AWU65546:AWW65546 AMY65546:ANA65546 ADC65546:ADE65546 TG65546:TI65546 JK65546:JM65546 O65546:Q65546">
      <formula1>I65545&amp;""=ASC(I65545)</formula1>
    </dataValidation>
  </dataValidations>
  <printOptions horizontalCentered="1"/>
  <pageMargins left="0.70866141732283472" right="0.70866141732283472" top="0.78740157480314965" bottom="0.74803149606299213" header="0.31496062992125984" footer="0.31496062992125984"/>
  <pageSetup paperSize="9" orientation="portrait" blackAndWhite="1"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認証辞退届出書（第6号様式）</vt:lpstr>
      <vt:lpstr>'認証辞退届出書（第6号様式）'!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秋山</cp:lastModifiedBy>
  <cp:lastPrinted>2019-04-19T04:46:45Z</cp:lastPrinted>
  <dcterms:created xsi:type="dcterms:W3CDTF">2013-04-09T11:20:54Z</dcterms:created>
  <dcterms:modified xsi:type="dcterms:W3CDTF">2024-07-18T01:54:53Z</dcterms:modified>
</cp:coreProperties>
</file>